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91071\Desktop\"/>
    </mc:Choice>
  </mc:AlternateContent>
  <xr:revisionPtr revIDLastSave="0" documentId="13_ncr:1_{E1CD3958-0FBC-435E-8DBC-696A8655F8F2}" xr6:coauthVersionLast="47" xr6:coauthVersionMax="47" xr10:uidLastSave="{00000000-0000-0000-0000-000000000000}"/>
  <bookViews>
    <workbookView xWindow="57480" yWindow="-120" windowWidth="29040" windowHeight="15720" xr2:uid="{93BB9F07-1D5B-47BD-9EB1-414D9591384F}"/>
  </bookViews>
  <sheets>
    <sheet name="ネット用地区別 (R8.7.1付) " sheetId="2" r:id="rId1"/>
  </sheets>
  <externalReferences>
    <externalReference r:id="rId2"/>
    <externalReference r:id="rId3"/>
    <externalReference r:id="rId4"/>
  </externalReferences>
  <definedNames>
    <definedName name="_xlnm._FilterDatabase" localSheetId="0" hidden="1">'ネット用地区別 (R8.7.1付) '!$A$1:$E$205</definedName>
    <definedName name="_Key1" localSheetId="0" hidden="1">#REF!</definedName>
    <definedName name="_Key1" hidden="1">#REF!</definedName>
    <definedName name="_Key2" localSheetId="0" hidden="1">#REF!</definedName>
    <definedName name="_Key2" hidden="1">#REF!</definedName>
    <definedName name="_Key3" localSheetId="0" hidden="1">#REF!</definedName>
    <definedName name="_Key3" hidden="1">#REF!</definedName>
    <definedName name="_Order1" hidden="1">1</definedName>
    <definedName name="_Order2" hidden="1">1</definedName>
    <definedName name="_Sort" localSheetId="0" hidden="1">#REF!</definedName>
    <definedName name="_Sort" hidden="1">#REF!</definedName>
    <definedName name="\a" localSheetId="0">#REF!</definedName>
    <definedName name="\a">#REF!</definedName>
    <definedName name="\b" localSheetId="0">#REF!</definedName>
    <definedName name="\b">#REF!</definedName>
    <definedName name="\e" localSheetId="0">#REF!</definedName>
    <definedName name="\e">#REF!</definedName>
    <definedName name="\f" localSheetId="0">#REF!</definedName>
    <definedName name="\f">#REF!</definedName>
    <definedName name="\k" localSheetId="0">#REF!</definedName>
    <definedName name="\k">#REF!</definedName>
    <definedName name="_xlnm.Print_Area" localSheetId="0">'ネット用地区別 (R8.7.1付) '!$A$1:$E$204</definedName>
    <definedName name="_xlnm.Print_Titles" localSheetId="0">'ネット用地区別 (R8.7.1付) '!$1:$3</definedName>
    <definedName name="工事店ﾃﾞｰﾀ">[1]工事店名簿!$B$2:$N$440</definedName>
    <definedName name="更新者ﾘｽﾄ">[2]更新者ﾘｽﾄ!$AJ$2:$AY$99</definedName>
    <definedName name="指定店ﾘｽﾄ">[3]指定工事業者名主任技術者名簿!$G$2:$Q$39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205" i="2" l="1"/>
</calcChain>
</file>

<file path=xl/sharedStrings.xml><?xml version="1.0" encoding="utf-8"?>
<sst xmlns="http://schemas.openxmlformats.org/spreadsheetml/2006/main" count="804" uniqueCount="586">
  <si>
    <t>加西市水道事業指定給水装置工事業者指定一覧表(地区別）</t>
    <rPh sb="0" eb="2">
      <t>カサイ</t>
    </rPh>
    <rPh sb="2" eb="3">
      <t>シ</t>
    </rPh>
    <rPh sb="3" eb="5">
      <t>スイドウ</t>
    </rPh>
    <rPh sb="5" eb="7">
      <t>ジギョウ</t>
    </rPh>
    <rPh sb="7" eb="9">
      <t>シテイ</t>
    </rPh>
    <rPh sb="9" eb="11">
      <t>キュウスイ</t>
    </rPh>
    <rPh sb="11" eb="13">
      <t>ソウチ</t>
    </rPh>
    <rPh sb="13" eb="15">
      <t>コウジ</t>
    </rPh>
    <rPh sb="15" eb="17">
      <t>ギョウシャ</t>
    </rPh>
    <rPh sb="17" eb="19">
      <t>シテイ</t>
    </rPh>
    <rPh sb="19" eb="21">
      <t>イチラン</t>
    </rPh>
    <rPh sb="21" eb="22">
      <t>ヒョウ</t>
    </rPh>
    <rPh sb="23" eb="25">
      <t>チク</t>
    </rPh>
    <rPh sb="25" eb="26">
      <t>ベツ</t>
    </rPh>
    <phoneticPr fontId="5"/>
  </si>
  <si>
    <t>＜上水＞</t>
    <rPh sb="1" eb="3">
      <t>ジョウスイ</t>
    </rPh>
    <phoneticPr fontId="5"/>
  </si>
  <si>
    <t>2026(令和8)年7月1日現在</t>
    <rPh sb="5" eb="7">
      <t>レイワ</t>
    </rPh>
    <rPh sb="9" eb="10">
      <t>ネン</t>
    </rPh>
    <rPh sb="11" eb="12">
      <t>ガツ</t>
    </rPh>
    <rPh sb="12" eb="14">
      <t>ツイタチ</t>
    </rPh>
    <rPh sb="14" eb="16">
      <t>ゲンザイ</t>
    </rPh>
    <phoneticPr fontId="7"/>
  </si>
  <si>
    <t>　指定工事業者名</t>
    <phoneticPr fontId="7"/>
  </si>
  <si>
    <t>所　　　在　　　地</t>
    <rPh sb="0" eb="5">
      <t>ショザイ</t>
    </rPh>
    <rPh sb="8" eb="9">
      <t>チ</t>
    </rPh>
    <phoneticPr fontId="7"/>
  </si>
  <si>
    <t>電話番号</t>
    <phoneticPr fontId="7"/>
  </si>
  <si>
    <t>加西市内（北条地区）</t>
    <rPh sb="0" eb="4">
      <t>カサイシナイ</t>
    </rPh>
    <rPh sb="5" eb="7">
      <t>ホウジョウ</t>
    </rPh>
    <rPh sb="7" eb="9">
      <t>チク</t>
    </rPh>
    <phoneticPr fontId="5"/>
  </si>
  <si>
    <t>㈱</t>
    <phoneticPr fontId="7"/>
  </si>
  <si>
    <t>カンキョウ</t>
    <phoneticPr fontId="7"/>
  </si>
  <si>
    <t>加西市</t>
    <phoneticPr fontId="7"/>
  </si>
  <si>
    <t>北条町黒駒6-3</t>
    <rPh sb="0" eb="2">
      <t>ホウジョウ</t>
    </rPh>
    <rPh sb="2" eb="3">
      <t>チョウ</t>
    </rPh>
    <rPh sb="3" eb="4">
      <t>クロ</t>
    </rPh>
    <rPh sb="4" eb="5">
      <t>コマ</t>
    </rPh>
    <phoneticPr fontId="7"/>
  </si>
  <si>
    <t>0790-42-4131</t>
    <phoneticPr fontId="7"/>
  </si>
  <si>
    <t>翔栄設備</t>
    <rPh sb="0" eb="1">
      <t>ヒショウ</t>
    </rPh>
    <rPh sb="1" eb="2">
      <t>エイ</t>
    </rPh>
    <rPh sb="2" eb="4">
      <t>セツビ</t>
    </rPh>
    <phoneticPr fontId="7"/>
  </si>
  <si>
    <t>北条町黒駒20-2</t>
    <rPh sb="0" eb="3">
      <t>ホウジョウチョウ</t>
    </rPh>
    <rPh sb="3" eb="4">
      <t>クロ</t>
    </rPh>
    <rPh sb="4" eb="5">
      <t>コマ</t>
    </rPh>
    <phoneticPr fontId="7"/>
  </si>
  <si>
    <t>0790-43-1269</t>
    <phoneticPr fontId="7"/>
  </si>
  <si>
    <t>菅原設備㈲</t>
    <rPh sb="0" eb="2">
      <t>スガワラ</t>
    </rPh>
    <rPh sb="2" eb="4">
      <t>セツビ</t>
    </rPh>
    <phoneticPr fontId="7"/>
  </si>
  <si>
    <t>北条町黒駒292番地の2</t>
    <rPh sb="0" eb="2">
      <t>ホウジョウ</t>
    </rPh>
    <rPh sb="2" eb="3">
      <t>チョウ</t>
    </rPh>
    <phoneticPr fontId="7"/>
  </si>
  <si>
    <t>0790-42-2738</t>
    <phoneticPr fontId="7"/>
  </si>
  <si>
    <t>高電商会</t>
    <rPh sb="0" eb="1">
      <t>コウ</t>
    </rPh>
    <rPh sb="1" eb="2">
      <t>デン</t>
    </rPh>
    <rPh sb="2" eb="4">
      <t>ショウカイ</t>
    </rPh>
    <phoneticPr fontId="7"/>
  </si>
  <si>
    <t>北条町西高室447</t>
    <rPh sb="0" eb="2">
      <t>ホウジョウ</t>
    </rPh>
    <rPh sb="2" eb="3">
      <t>チョウ</t>
    </rPh>
    <rPh sb="3" eb="4">
      <t>ニシ</t>
    </rPh>
    <rPh sb="4" eb="5">
      <t>タカ</t>
    </rPh>
    <rPh sb="5" eb="6">
      <t>ムロ</t>
    </rPh>
    <phoneticPr fontId="7"/>
  </si>
  <si>
    <t>0790-42-3595</t>
    <phoneticPr fontId="7"/>
  </si>
  <si>
    <t>ナイトウ</t>
    <phoneticPr fontId="7"/>
  </si>
  <si>
    <t>北条町栗田443-4</t>
    <rPh sb="0" eb="2">
      <t>ホウジョウ</t>
    </rPh>
    <rPh sb="2" eb="3">
      <t>チョウ</t>
    </rPh>
    <rPh sb="3" eb="5">
      <t>クリタ</t>
    </rPh>
    <phoneticPr fontId="7"/>
  </si>
  <si>
    <t>0790-42-3150</t>
    <phoneticPr fontId="7"/>
  </si>
  <si>
    <t>内藤設備工業所</t>
    <rPh sb="0" eb="2">
      <t>ナイトウ</t>
    </rPh>
    <rPh sb="2" eb="4">
      <t>セツビ</t>
    </rPh>
    <rPh sb="4" eb="7">
      <t>コウギョウショ</t>
    </rPh>
    <phoneticPr fontId="7"/>
  </si>
  <si>
    <t>北条町横尾790</t>
    <rPh sb="0" eb="2">
      <t>ホウジョウ</t>
    </rPh>
    <rPh sb="2" eb="3">
      <t>チョウ</t>
    </rPh>
    <phoneticPr fontId="7"/>
  </si>
  <si>
    <t>0790-43-1295</t>
    <phoneticPr fontId="7"/>
  </si>
  <si>
    <t>㈲</t>
    <phoneticPr fontId="7"/>
  </si>
  <si>
    <t>ナカウ電化センター</t>
    <rPh sb="3" eb="5">
      <t>デンカ</t>
    </rPh>
    <phoneticPr fontId="7"/>
  </si>
  <si>
    <t>北条町北条11-7</t>
    <rPh sb="0" eb="2">
      <t>ホウジョウ</t>
    </rPh>
    <rPh sb="2" eb="3">
      <t>チョウ</t>
    </rPh>
    <rPh sb="3" eb="5">
      <t>ホウジョウ</t>
    </rPh>
    <phoneticPr fontId="7"/>
  </si>
  <si>
    <t>0790-42-0608</t>
    <phoneticPr fontId="7"/>
  </si>
  <si>
    <t>西村電気工事</t>
    <rPh sb="0" eb="2">
      <t>ニシムラ</t>
    </rPh>
    <rPh sb="2" eb="4">
      <t>デンキ</t>
    </rPh>
    <rPh sb="4" eb="6">
      <t>コウジ</t>
    </rPh>
    <phoneticPr fontId="7"/>
  </si>
  <si>
    <t>北条町西南377</t>
    <rPh sb="0" eb="2">
      <t>ホウジョウ</t>
    </rPh>
    <rPh sb="2" eb="3">
      <t>チョウ</t>
    </rPh>
    <rPh sb="3" eb="4">
      <t>ニシ</t>
    </rPh>
    <rPh sb="4" eb="5">
      <t>ナン</t>
    </rPh>
    <phoneticPr fontId="7"/>
  </si>
  <si>
    <t>0790-42-3611</t>
    <phoneticPr fontId="7"/>
  </si>
  <si>
    <t>㈱</t>
    <phoneticPr fontId="5"/>
  </si>
  <si>
    <t>まえだ</t>
    <phoneticPr fontId="7"/>
  </si>
  <si>
    <t>北条町横尾1079-2</t>
    <rPh sb="0" eb="2">
      <t>ホウジョウ</t>
    </rPh>
    <rPh sb="2" eb="3">
      <t>チョウ</t>
    </rPh>
    <rPh sb="3" eb="5">
      <t>ヨコオ</t>
    </rPh>
    <phoneticPr fontId="7"/>
  </si>
  <si>
    <t>0790-43-1149</t>
    <phoneticPr fontId="7"/>
  </si>
  <si>
    <t>松尾電気</t>
    <rPh sb="0" eb="2">
      <t>マツオ</t>
    </rPh>
    <rPh sb="2" eb="4">
      <t>デンキ</t>
    </rPh>
    <phoneticPr fontId="7"/>
  </si>
  <si>
    <t>北条町東高室706-1</t>
    <rPh sb="0" eb="2">
      <t>ホウジョウ</t>
    </rPh>
    <rPh sb="2" eb="3">
      <t>チョウ</t>
    </rPh>
    <rPh sb="3" eb="4">
      <t>ヒガシ</t>
    </rPh>
    <rPh sb="4" eb="5">
      <t>タカ</t>
    </rPh>
    <rPh sb="5" eb="6">
      <t>ムロ</t>
    </rPh>
    <phoneticPr fontId="7"/>
  </si>
  <si>
    <t>0790-42-2325</t>
    <phoneticPr fontId="7"/>
  </si>
  <si>
    <t>㈲</t>
    <phoneticPr fontId="5"/>
  </si>
  <si>
    <t>ミヤマ</t>
    <phoneticPr fontId="5"/>
  </si>
  <si>
    <t>加西市</t>
    <rPh sb="0" eb="3">
      <t>カサイシ</t>
    </rPh>
    <phoneticPr fontId="7"/>
  </si>
  <si>
    <t>北条町古坂442-2</t>
    <rPh sb="0" eb="1">
      <t>ホウジョウ</t>
    </rPh>
    <rPh sb="1" eb="2">
      <t>チョウ</t>
    </rPh>
    <rPh sb="2" eb="4">
      <t>フルサカ</t>
    </rPh>
    <phoneticPr fontId="5"/>
  </si>
  <si>
    <t>0790-35-9703</t>
    <phoneticPr fontId="5"/>
  </si>
  <si>
    <t>ムネヒロ水道設備</t>
    <rPh sb="4" eb="6">
      <t>スイドウ</t>
    </rPh>
    <rPh sb="6" eb="8">
      <t>セツビ</t>
    </rPh>
    <phoneticPr fontId="7"/>
  </si>
  <si>
    <t>北条町栗田66-7</t>
    <rPh sb="0" eb="2">
      <t>ホウジョウ</t>
    </rPh>
    <rPh sb="2" eb="3">
      <t>チョウ</t>
    </rPh>
    <rPh sb="3" eb="5">
      <t>クリタ</t>
    </rPh>
    <phoneticPr fontId="7"/>
  </si>
  <si>
    <t>090-8794-2824</t>
    <phoneticPr fontId="7"/>
  </si>
  <si>
    <t>山本工務店</t>
    <rPh sb="0" eb="1">
      <t>ヤマ</t>
    </rPh>
    <rPh sb="1" eb="2">
      <t>モト</t>
    </rPh>
    <rPh sb="2" eb="5">
      <t>コウムテン</t>
    </rPh>
    <phoneticPr fontId="7"/>
  </si>
  <si>
    <t>北条町西南55</t>
    <rPh sb="0" eb="2">
      <t>ホウジョウ</t>
    </rPh>
    <rPh sb="2" eb="3">
      <t>チョウ</t>
    </rPh>
    <rPh sb="3" eb="5">
      <t>セイナン</t>
    </rPh>
    <phoneticPr fontId="7"/>
  </si>
  <si>
    <t>0790-42-0627</t>
    <phoneticPr fontId="7"/>
  </si>
  <si>
    <t>横井設備</t>
    <rPh sb="0" eb="2">
      <t>ヨコイ</t>
    </rPh>
    <rPh sb="2" eb="4">
      <t>セツビ</t>
    </rPh>
    <phoneticPr fontId="7"/>
  </si>
  <si>
    <t>北条町黒駒367-1</t>
    <rPh sb="0" eb="2">
      <t>ホウジョウ</t>
    </rPh>
    <rPh sb="2" eb="3">
      <t>チョウ</t>
    </rPh>
    <rPh sb="3" eb="4">
      <t>クロ</t>
    </rPh>
    <rPh sb="4" eb="5">
      <t>コマ</t>
    </rPh>
    <phoneticPr fontId="7"/>
  </si>
  <si>
    <t>0790-43-1645</t>
    <phoneticPr fontId="7"/>
  </si>
  <si>
    <t>加西市内（富田地区）</t>
    <rPh sb="5" eb="6">
      <t>トミ</t>
    </rPh>
    <rPh sb="6" eb="7">
      <t>タ</t>
    </rPh>
    <phoneticPr fontId="5"/>
  </si>
  <si>
    <t>イイダセツビ㈱</t>
    <phoneticPr fontId="7"/>
  </si>
  <si>
    <t>西谷町512</t>
    <rPh sb="0" eb="1">
      <t>ニシ</t>
    </rPh>
    <rPh sb="1" eb="2">
      <t>タニ</t>
    </rPh>
    <phoneticPr fontId="7"/>
  </si>
  <si>
    <t>0790-42-3241</t>
    <phoneticPr fontId="7"/>
  </si>
  <si>
    <t>石野電気商会</t>
    <rPh sb="0" eb="2">
      <t>イシノ</t>
    </rPh>
    <rPh sb="2" eb="4">
      <t>デンキ</t>
    </rPh>
    <rPh sb="4" eb="6">
      <t>ショウカイ</t>
    </rPh>
    <phoneticPr fontId="7"/>
  </si>
  <si>
    <t>西谷町9-1</t>
    <rPh sb="0" eb="2">
      <t>ニシタニ</t>
    </rPh>
    <rPh sb="2" eb="3">
      <t>チョウ</t>
    </rPh>
    <phoneticPr fontId="7"/>
  </si>
  <si>
    <t>0790-42-2181</t>
    <phoneticPr fontId="7"/>
  </si>
  <si>
    <t>加西電機</t>
    <rPh sb="0" eb="2">
      <t>カサイ</t>
    </rPh>
    <rPh sb="2" eb="4">
      <t>デンキ</t>
    </rPh>
    <phoneticPr fontId="7"/>
  </si>
  <si>
    <t>谷町90-3</t>
    <rPh sb="0" eb="1">
      <t>タニ</t>
    </rPh>
    <rPh sb="1" eb="2">
      <t>チョウ</t>
    </rPh>
    <phoneticPr fontId="7"/>
  </si>
  <si>
    <t>0790-43-0678</t>
    <phoneticPr fontId="7"/>
  </si>
  <si>
    <t>加西市内（賀茂地区）</t>
    <rPh sb="5" eb="6">
      <t>ガショウ</t>
    </rPh>
    <rPh sb="6" eb="7">
      <t>カモ</t>
    </rPh>
    <phoneticPr fontId="5"/>
  </si>
  <si>
    <t>大谷設備</t>
    <rPh sb="0" eb="4">
      <t>オオタニセツビ</t>
    </rPh>
    <phoneticPr fontId="7"/>
  </si>
  <si>
    <t>東剣坂町515</t>
    <rPh sb="0" eb="3">
      <t>ヒガシケンザカチョウ</t>
    </rPh>
    <phoneticPr fontId="7"/>
  </si>
  <si>
    <t>0790-46-0045</t>
    <phoneticPr fontId="7"/>
  </si>
  <si>
    <t>マナベ電機</t>
    <rPh sb="3" eb="5">
      <t>デンキ</t>
    </rPh>
    <phoneticPr fontId="7"/>
  </si>
  <si>
    <t>鎮岩町238-1</t>
    <rPh sb="0" eb="1">
      <t>チン</t>
    </rPh>
    <rPh sb="1" eb="2">
      <t>イワ</t>
    </rPh>
    <rPh sb="2" eb="3">
      <t>チョウ</t>
    </rPh>
    <phoneticPr fontId="7"/>
  </si>
  <si>
    <t>0790-46-0319</t>
    <phoneticPr fontId="7"/>
  </si>
  <si>
    <t>渡備建設㈱</t>
    <rPh sb="0" eb="1">
      <t>ビ</t>
    </rPh>
    <rPh sb="1" eb="3">
      <t>ケンセツ</t>
    </rPh>
    <phoneticPr fontId="7"/>
  </si>
  <si>
    <t>中山町304</t>
    <rPh sb="0" eb="2">
      <t>ナカヤマ</t>
    </rPh>
    <rPh sb="2" eb="3">
      <t>チョウ</t>
    </rPh>
    <phoneticPr fontId="7"/>
  </si>
  <si>
    <t>0790-46-0339</t>
    <phoneticPr fontId="7"/>
  </si>
  <si>
    <t>加西市内（下里地区）</t>
    <rPh sb="5" eb="7">
      <t>シモサト</t>
    </rPh>
    <phoneticPr fontId="5"/>
  </si>
  <si>
    <t>オーエヌエンジニア㈱</t>
    <phoneticPr fontId="5"/>
  </si>
  <si>
    <t>加西市</t>
  </si>
  <si>
    <t>段下町179</t>
  </si>
  <si>
    <t>0790-48-8906</t>
    <phoneticPr fontId="5"/>
  </si>
  <si>
    <t>キヌガサ設備工業</t>
    <rPh sb="4" eb="6">
      <t>セツビ</t>
    </rPh>
    <rPh sb="6" eb="8">
      <t>コウギョウ</t>
    </rPh>
    <phoneticPr fontId="7"/>
  </si>
  <si>
    <t>尾崎町411-2</t>
    <rPh sb="0" eb="2">
      <t>オサキ</t>
    </rPh>
    <rPh sb="2" eb="3">
      <t>チョウ</t>
    </rPh>
    <phoneticPr fontId="7"/>
  </si>
  <si>
    <t>0790-48-2177</t>
    <phoneticPr fontId="7"/>
  </si>
  <si>
    <t>ダイセン</t>
    <phoneticPr fontId="7"/>
  </si>
  <si>
    <t>段下町60-13</t>
    <rPh sb="0" eb="1">
      <t>ダン</t>
    </rPh>
    <rPh sb="1" eb="2">
      <t>ゲ</t>
    </rPh>
    <rPh sb="2" eb="3">
      <t>チョウ</t>
    </rPh>
    <phoneticPr fontId="7"/>
  </si>
  <si>
    <t>0790-48-2063</t>
    <phoneticPr fontId="7"/>
  </si>
  <si>
    <t>西岡建設㈱</t>
    <rPh sb="0" eb="2">
      <t>ニシオカ</t>
    </rPh>
    <rPh sb="2" eb="4">
      <t>ケンセツ</t>
    </rPh>
    <phoneticPr fontId="7"/>
  </si>
  <si>
    <t>三口町132-1</t>
    <rPh sb="0" eb="1">
      <t>ミ</t>
    </rPh>
    <rPh sb="1" eb="2">
      <t>クチ</t>
    </rPh>
    <rPh sb="2" eb="3">
      <t>チョウ</t>
    </rPh>
    <phoneticPr fontId="7"/>
  </si>
  <si>
    <t>0790-48-2343</t>
    <phoneticPr fontId="7"/>
  </si>
  <si>
    <t>モリケン</t>
    <phoneticPr fontId="5"/>
  </si>
  <si>
    <t>野田町95-4</t>
    <rPh sb="0" eb="3">
      <t>ノダチョウ</t>
    </rPh>
    <phoneticPr fontId="5"/>
  </si>
  <si>
    <t>0790-48-4848</t>
    <phoneticPr fontId="5"/>
  </si>
  <si>
    <t>ライズコーポレーション</t>
    <phoneticPr fontId="5"/>
  </si>
  <si>
    <t>段下町848-10</t>
    <phoneticPr fontId="5"/>
  </si>
  <si>
    <t>0790-48-2771</t>
    <phoneticPr fontId="5"/>
  </si>
  <si>
    <t>加西市内（九会地区）</t>
    <rPh sb="5" eb="6">
      <t>ク</t>
    </rPh>
    <rPh sb="6" eb="7">
      <t>ア</t>
    </rPh>
    <phoneticPr fontId="5"/>
  </si>
  <si>
    <t>アキタ</t>
    <phoneticPr fontId="7"/>
  </si>
  <si>
    <t>下宮木町578-1</t>
    <rPh sb="0" eb="1">
      <t>シモ</t>
    </rPh>
    <rPh sb="1" eb="3">
      <t>ミヤキ</t>
    </rPh>
    <phoneticPr fontId="7"/>
  </si>
  <si>
    <t>0790-49-0399</t>
    <phoneticPr fontId="7"/>
  </si>
  <si>
    <t>アサダ工業㈱</t>
    <rPh sb="3" eb="5">
      <t>コウギョウ</t>
    </rPh>
    <phoneticPr fontId="7"/>
  </si>
  <si>
    <t>繁昌町227-1</t>
    <rPh sb="0" eb="2">
      <t>ハンジョウ</t>
    </rPh>
    <rPh sb="2" eb="3">
      <t>チョウ</t>
    </rPh>
    <phoneticPr fontId="7"/>
  </si>
  <si>
    <t>0790-49-0280</t>
    <phoneticPr fontId="7"/>
  </si>
  <si>
    <t>カケイ設備</t>
    <rPh sb="3" eb="5">
      <t>セツビ</t>
    </rPh>
    <phoneticPr fontId="7"/>
  </si>
  <si>
    <t>網引町739</t>
    <rPh sb="0" eb="2">
      <t>アビキ</t>
    </rPh>
    <rPh sb="2" eb="3">
      <t>チョウ</t>
    </rPh>
    <phoneticPr fontId="7"/>
  </si>
  <si>
    <t>0790-49-0284</t>
    <phoneticPr fontId="7"/>
  </si>
  <si>
    <t>黒田建設</t>
    <rPh sb="0" eb="2">
      <t>クロダ</t>
    </rPh>
    <rPh sb="2" eb="4">
      <t>ケンセツ</t>
    </rPh>
    <phoneticPr fontId="7"/>
  </si>
  <si>
    <t>鶉野町2195</t>
    <rPh sb="0" eb="3">
      <t>ウズラノチョウ</t>
    </rPh>
    <phoneticPr fontId="7"/>
  </si>
  <si>
    <t>0790-49-1778</t>
    <phoneticPr fontId="7"/>
  </si>
  <si>
    <t>後藤建設工業㈱</t>
    <rPh sb="0" eb="2">
      <t>ゴトウ</t>
    </rPh>
    <rPh sb="2" eb="4">
      <t>ケンセツ</t>
    </rPh>
    <rPh sb="4" eb="6">
      <t>コウギョウ</t>
    </rPh>
    <phoneticPr fontId="7"/>
  </si>
  <si>
    <t>鶉野町2213</t>
    <rPh sb="0" eb="3">
      <t>ウズラノチョウ</t>
    </rPh>
    <phoneticPr fontId="7"/>
  </si>
  <si>
    <t>0790-49-1497</t>
    <phoneticPr fontId="7"/>
  </si>
  <si>
    <t>㈱</t>
  </si>
  <si>
    <t>後藤工務店</t>
    <rPh sb="0" eb="2">
      <t>ゴトウ</t>
    </rPh>
    <rPh sb="2" eb="5">
      <t>コウムテン</t>
    </rPh>
    <phoneticPr fontId="5"/>
  </si>
  <si>
    <t>繁昌町2352</t>
    <rPh sb="0" eb="2">
      <t>ハンジョウ</t>
    </rPh>
    <rPh sb="2" eb="3">
      <t>チョウ</t>
    </rPh>
    <phoneticPr fontId="7"/>
  </si>
  <si>
    <t>0790-49-1484</t>
    <phoneticPr fontId="5"/>
  </si>
  <si>
    <t>ナカムラ電設㈱</t>
    <phoneticPr fontId="5"/>
  </si>
  <si>
    <t>上宮木町387-36</t>
    <phoneticPr fontId="5"/>
  </si>
  <si>
    <t>0790-49-0249</t>
    <phoneticPr fontId="5"/>
  </si>
  <si>
    <t>西和電工</t>
    <rPh sb="0" eb="1">
      <t>セイ</t>
    </rPh>
    <rPh sb="1" eb="2">
      <t>ワ</t>
    </rPh>
    <rPh sb="2" eb="4">
      <t>デンコウ</t>
    </rPh>
    <phoneticPr fontId="7"/>
  </si>
  <si>
    <t>栄町338</t>
    <rPh sb="0" eb="1">
      <t>サカ</t>
    </rPh>
    <rPh sb="1" eb="2">
      <t>チョウ</t>
    </rPh>
    <phoneticPr fontId="7"/>
  </si>
  <si>
    <t>0790-49-3251</t>
    <phoneticPr fontId="7"/>
  </si>
  <si>
    <t>橋爪電機㈱</t>
    <rPh sb="0" eb="1">
      <t>ハシ</t>
    </rPh>
    <rPh sb="1" eb="2">
      <t>ツメ</t>
    </rPh>
    <rPh sb="2" eb="4">
      <t>デンキ</t>
    </rPh>
    <phoneticPr fontId="7"/>
  </si>
  <si>
    <t>中野町1635-5</t>
    <rPh sb="0" eb="2">
      <t>ナカノ</t>
    </rPh>
    <rPh sb="2" eb="3">
      <t>チョウ</t>
    </rPh>
    <phoneticPr fontId="7"/>
  </si>
  <si>
    <t>0790-49-0109</t>
    <phoneticPr fontId="7"/>
  </si>
  <si>
    <t>加西市内（富合地区）</t>
    <rPh sb="5" eb="7">
      <t>トミアイ</t>
    </rPh>
    <rPh sb="7" eb="9">
      <t>チク</t>
    </rPh>
    <phoneticPr fontId="5"/>
  </si>
  <si>
    <t>小林電機商会</t>
    <rPh sb="0" eb="2">
      <t>コバヤシ</t>
    </rPh>
    <rPh sb="2" eb="4">
      <t>デンキ</t>
    </rPh>
    <rPh sb="4" eb="6">
      <t>ショウカイ</t>
    </rPh>
    <phoneticPr fontId="7"/>
  </si>
  <si>
    <t>別府町丙35-1</t>
    <rPh sb="0" eb="2">
      <t>ベフ</t>
    </rPh>
    <rPh sb="2" eb="3">
      <t>チョウ</t>
    </rPh>
    <rPh sb="3" eb="4">
      <t>ヘイ</t>
    </rPh>
    <phoneticPr fontId="7"/>
  </si>
  <si>
    <t>0790-47-0064</t>
    <phoneticPr fontId="7"/>
  </si>
  <si>
    <t>玉田電器</t>
    <rPh sb="0" eb="2">
      <t>タマダ</t>
    </rPh>
    <rPh sb="2" eb="4">
      <t>デンキ</t>
    </rPh>
    <phoneticPr fontId="7"/>
  </si>
  <si>
    <t>別府町甲2664-288</t>
    <rPh sb="0" eb="2">
      <t>ベップ</t>
    </rPh>
    <rPh sb="2" eb="3">
      <t>チョウ</t>
    </rPh>
    <rPh sb="3" eb="4">
      <t>コウ</t>
    </rPh>
    <phoneticPr fontId="7"/>
  </si>
  <si>
    <t>0790-47-1316</t>
    <phoneticPr fontId="7"/>
  </si>
  <si>
    <t>ミヤマデンキ加西</t>
    <rPh sb="6" eb="8">
      <t>カサイ</t>
    </rPh>
    <phoneticPr fontId="7"/>
  </si>
  <si>
    <t>豊倉町504-1</t>
    <rPh sb="0" eb="2">
      <t>トヨクラ</t>
    </rPh>
    <rPh sb="2" eb="3">
      <t>チョウ</t>
    </rPh>
    <phoneticPr fontId="7"/>
  </si>
  <si>
    <t>0790-47-1373</t>
    <phoneticPr fontId="7"/>
  </si>
  <si>
    <t>加西市内（多加野地区）</t>
    <rPh sb="5" eb="6">
      <t>タ</t>
    </rPh>
    <rPh sb="6" eb="8">
      <t>カノ</t>
    </rPh>
    <rPh sb="8" eb="10">
      <t>チク</t>
    </rPh>
    <phoneticPr fontId="5"/>
  </si>
  <si>
    <t>阿部設備</t>
    <rPh sb="0" eb="2">
      <t>アベ</t>
    </rPh>
    <rPh sb="2" eb="4">
      <t>セツビ</t>
    </rPh>
    <phoneticPr fontId="7"/>
  </si>
  <si>
    <t>西野々町203-3</t>
    <rPh sb="0" eb="1">
      <t>ニシ</t>
    </rPh>
    <rPh sb="1" eb="2">
      <t>ノ</t>
    </rPh>
    <phoneticPr fontId="7"/>
  </si>
  <si>
    <t>0790-45-0039</t>
    <phoneticPr fontId="7"/>
  </si>
  <si>
    <t>イケダ電工㈱</t>
    <rPh sb="3" eb="5">
      <t>デンコウ</t>
    </rPh>
    <phoneticPr fontId="5"/>
  </si>
  <si>
    <t>河内町516-1</t>
    <rPh sb="0" eb="2">
      <t>コウチ</t>
    </rPh>
    <rPh sb="2" eb="3">
      <t>チョウ</t>
    </rPh>
    <phoneticPr fontId="5"/>
  </si>
  <si>
    <t>0790-45-0008</t>
    <phoneticPr fontId="5"/>
  </si>
  <si>
    <t>岡田電気商会</t>
    <rPh sb="0" eb="2">
      <t>オカダ</t>
    </rPh>
    <rPh sb="2" eb="4">
      <t>デンキ</t>
    </rPh>
    <rPh sb="4" eb="6">
      <t>ショウカイ</t>
    </rPh>
    <phoneticPr fontId="7"/>
  </si>
  <si>
    <t>青野町345</t>
    <rPh sb="0" eb="2">
      <t>アオノ</t>
    </rPh>
    <rPh sb="2" eb="3">
      <t>チョウ</t>
    </rPh>
    <phoneticPr fontId="7"/>
  </si>
  <si>
    <t>0790-45-0570</t>
    <phoneticPr fontId="7"/>
  </si>
  <si>
    <t>谷川設備</t>
    <rPh sb="0" eb="2">
      <t>タニガワ</t>
    </rPh>
    <rPh sb="2" eb="4">
      <t>セツビ</t>
    </rPh>
    <phoneticPr fontId="7"/>
  </si>
  <si>
    <t>和泉町699</t>
    <rPh sb="0" eb="1">
      <t>ワ</t>
    </rPh>
    <rPh sb="1" eb="2">
      <t>イズミ</t>
    </rPh>
    <rPh sb="2" eb="3">
      <t>チョウ</t>
    </rPh>
    <phoneticPr fontId="7"/>
  </si>
  <si>
    <t>0790-45-2555</t>
    <phoneticPr fontId="7"/>
  </si>
  <si>
    <t>森本工業所</t>
    <rPh sb="0" eb="2">
      <t>モリモト</t>
    </rPh>
    <rPh sb="2" eb="4">
      <t>コウギョウ</t>
    </rPh>
    <rPh sb="4" eb="5">
      <t>ショ</t>
    </rPh>
    <phoneticPr fontId="7"/>
  </si>
  <si>
    <t>和泉町689-1</t>
  </si>
  <si>
    <t>0790-45-0058</t>
    <phoneticPr fontId="7"/>
  </si>
  <si>
    <t>加西市内（西在田地区）</t>
    <rPh sb="5" eb="6">
      <t>ニシ</t>
    </rPh>
    <rPh sb="6" eb="8">
      <t>アリタ</t>
    </rPh>
    <rPh sb="8" eb="10">
      <t>チク</t>
    </rPh>
    <phoneticPr fontId="5"/>
  </si>
  <si>
    <t>上田住設</t>
    <rPh sb="0" eb="2">
      <t>ウエダ</t>
    </rPh>
    <rPh sb="2" eb="3">
      <t>ジュウ</t>
    </rPh>
    <rPh sb="3" eb="4">
      <t>セッチ</t>
    </rPh>
    <phoneticPr fontId="7"/>
  </si>
  <si>
    <t>上若井町2632</t>
    <rPh sb="0" eb="1">
      <t>カミ</t>
    </rPh>
    <rPh sb="1" eb="3">
      <t>ワカイ</t>
    </rPh>
    <rPh sb="3" eb="4">
      <t>チョウ</t>
    </rPh>
    <phoneticPr fontId="7"/>
  </si>
  <si>
    <t>0790-44-0397</t>
    <phoneticPr fontId="7"/>
  </si>
  <si>
    <t>和田工務店</t>
    <rPh sb="0" eb="2">
      <t>ワダ</t>
    </rPh>
    <rPh sb="2" eb="5">
      <t>コウムテン</t>
    </rPh>
    <phoneticPr fontId="7"/>
  </si>
  <si>
    <t>若井町1341</t>
  </si>
  <si>
    <t>0790-44-1534</t>
    <phoneticPr fontId="7"/>
  </si>
  <si>
    <t>加西市内（在田地区）</t>
    <rPh sb="5" eb="7">
      <t>アリタ</t>
    </rPh>
    <rPh sb="7" eb="9">
      <t>チク</t>
    </rPh>
    <phoneticPr fontId="5"/>
  </si>
  <si>
    <t>内橋電気</t>
    <rPh sb="0" eb="2">
      <t>ウチハシ</t>
    </rPh>
    <rPh sb="2" eb="4">
      <t>デンキ</t>
    </rPh>
    <phoneticPr fontId="7"/>
  </si>
  <si>
    <t>別所町258-1</t>
    <rPh sb="0" eb="2">
      <t>ベッショ</t>
    </rPh>
    <rPh sb="2" eb="3">
      <t>チョウ</t>
    </rPh>
    <phoneticPr fontId="7"/>
  </si>
  <si>
    <t>0790-44-1046</t>
    <phoneticPr fontId="7"/>
  </si>
  <si>
    <t>梶原電器</t>
    <rPh sb="0" eb="2">
      <t>カジワラ</t>
    </rPh>
    <rPh sb="2" eb="4">
      <t>デンキ</t>
    </rPh>
    <phoneticPr fontId="7"/>
  </si>
  <si>
    <t>殿原町826</t>
    <rPh sb="0" eb="1">
      <t>トノ</t>
    </rPh>
    <rPh sb="1" eb="2">
      <t>ハラ</t>
    </rPh>
    <rPh sb="2" eb="3">
      <t>チョウ</t>
    </rPh>
    <phoneticPr fontId="7"/>
  </si>
  <si>
    <t>0790-44-0476</t>
    <phoneticPr fontId="7"/>
  </si>
  <si>
    <t>神田電化ハウス</t>
    <rPh sb="0" eb="2">
      <t>カンダ</t>
    </rPh>
    <rPh sb="2" eb="4">
      <t>デンカ</t>
    </rPh>
    <phoneticPr fontId="7"/>
  </si>
  <si>
    <t>殿原町276-3</t>
    <rPh sb="0" eb="1">
      <t>トノ</t>
    </rPh>
    <rPh sb="1" eb="2">
      <t>ハラ</t>
    </rPh>
    <rPh sb="2" eb="3">
      <t>チョウ</t>
    </rPh>
    <phoneticPr fontId="7"/>
  </si>
  <si>
    <t>0790-44-0117</t>
    <phoneticPr fontId="7"/>
  </si>
  <si>
    <t>キンシ電機</t>
    <rPh sb="3" eb="5">
      <t>デンキ</t>
    </rPh>
    <phoneticPr fontId="7"/>
  </si>
  <si>
    <t>中富町1298-2</t>
    <rPh sb="0" eb="2">
      <t>ナカトミ</t>
    </rPh>
    <rPh sb="2" eb="3">
      <t>チョウ</t>
    </rPh>
    <phoneticPr fontId="7"/>
  </si>
  <si>
    <t>0790-44-0463</t>
    <phoneticPr fontId="7"/>
  </si>
  <si>
    <t>小芦建設㈱</t>
    <rPh sb="0" eb="1">
      <t>コ</t>
    </rPh>
    <rPh sb="1" eb="2">
      <t>アシ</t>
    </rPh>
    <rPh sb="2" eb="4">
      <t>ケンセツ</t>
    </rPh>
    <phoneticPr fontId="7"/>
  </si>
  <si>
    <t>中富町932-4</t>
    <rPh sb="0" eb="2">
      <t>ナカトミ</t>
    </rPh>
    <rPh sb="2" eb="3">
      <t>チョウ</t>
    </rPh>
    <phoneticPr fontId="7"/>
  </si>
  <si>
    <t>0790-44-0524</t>
    <phoneticPr fontId="7"/>
  </si>
  <si>
    <t>シモウラ</t>
    <phoneticPr fontId="5"/>
  </si>
  <si>
    <t>笹倉町151-1</t>
    <rPh sb="0" eb="3">
      <t>ササクラチョウ</t>
    </rPh>
    <phoneticPr fontId="5"/>
  </si>
  <si>
    <t>0790-35-9850</t>
    <phoneticPr fontId="5"/>
  </si>
  <si>
    <t>でんきのしかた</t>
    <phoneticPr fontId="7"/>
  </si>
  <si>
    <t>殿原町411-1</t>
    <rPh sb="0" eb="1">
      <t>トノ</t>
    </rPh>
    <rPh sb="1" eb="2">
      <t>ハラ</t>
    </rPh>
    <rPh sb="2" eb="3">
      <t>チョウ</t>
    </rPh>
    <phoneticPr fontId="7"/>
  </si>
  <si>
    <t>0790-44-0247</t>
    <phoneticPr fontId="7"/>
  </si>
  <si>
    <t>堀江電機</t>
    <rPh sb="0" eb="2">
      <t>ホリエ</t>
    </rPh>
    <rPh sb="2" eb="4">
      <t>デンキ</t>
    </rPh>
    <phoneticPr fontId="7"/>
  </si>
  <si>
    <t>上野町415-1</t>
    <rPh sb="0" eb="2">
      <t>ウエノ</t>
    </rPh>
    <rPh sb="2" eb="3">
      <t>チョウ</t>
    </rPh>
    <phoneticPr fontId="7"/>
  </si>
  <si>
    <t>0790-44-1108</t>
    <phoneticPr fontId="7"/>
  </si>
  <si>
    <t>明石市</t>
    <rPh sb="0" eb="3">
      <t>アカシシ</t>
    </rPh>
    <phoneticPr fontId="5"/>
  </si>
  <si>
    <t>朝比奈興産㈱</t>
    <rPh sb="0" eb="3">
      <t>アサヒナ</t>
    </rPh>
    <rPh sb="3" eb="5">
      <t>コウサン</t>
    </rPh>
    <phoneticPr fontId="7"/>
  </si>
  <si>
    <t>明石市</t>
    <rPh sb="0" eb="3">
      <t>アカシシ</t>
    </rPh>
    <phoneticPr fontId="7"/>
  </si>
  <si>
    <t>二見町東二見1457-4</t>
    <rPh sb="0" eb="3">
      <t>フタミチョウ</t>
    </rPh>
    <rPh sb="3" eb="4">
      <t>ヒガシ</t>
    </rPh>
    <rPh sb="4" eb="6">
      <t>フタミ</t>
    </rPh>
    <phoneticPr fontId="7"/>
  </si>
  <si>
    <t>078-942-2666</t>
    <phoneticPr fontId="7"/>
  </si>
  <si>
    <t>小林設備</t>
    <rPh sb="0" eb="4">
      <t>コバヤシセツビ</t>
    </rPh>
    <phoneticPr fontId="7"/>
  </si>
  <si>
    <t>二見町西二見1869番1</t>
    <phoneticPr fontId="7"/>
  </si>
  <si>
    <t>078-943-5500</t>
    <phoneticPr fontId="7"/>
  </si>
  <si>
    <t>朝来市</t>
    <rPh sb="0" eb="3">
      <t>アサゴシ</t>
    </rPh>
    <phoneticPr fontId="5"/>
  </si>
  <si>
    <t>宮田設備</t>
    <rPh sb="0" eb="2">
      <t>ミヤタ</t>
    </rPh>
    <rPh sb="2" eb="4">
      <t>セツビ</t>
    </rPh>
    <phoneticPr fontId="5"/>
  </si>
  <si>
    <t>生野町栃原615番地</t>
    <rPh sb="8" eb="10">
      <t>バンチ</t>
    </rPh>
    <phoneticPr fontId="5"/>
  </si>
  <si>
    <t>栄大設備</t>
    <rPh sb="0" eb="2">
      <t>エイダイ</t>
    </rPh>
    <rPh sb="2" eb="4">
      <t>セツビ</t>
    </rPh>
    <phoneticPr fontId="7"/>
  </si>
  <si>
    <t>朝来市</t>
    <rPh sb="0" eb="3">
      <t>アサゴシ</t>
    </rPh>
    <phoneticPr fontId="7"/>
  </si>
  <si>
    <t>羽渕130番地3</t>
    <phoneticPr fontId="7"/>
  </si>
  <si>
    <t>079-677-1628</t>
  </si>
  <si>
    <t>尼崎市</t>
    <rPh sb="0" eb="2">
      <t>アマガサキ</t>
    </rPh>
    <rPh sb="2" eb="3">
      <t>シ</t>
    </rPh>
    <phoneticPr fontId="5"/>
  </si>
  <si>
    <t>ゴトウハウジング</t>
    <phoneticPr fontId="7"/>
  </si>
  <si>
    <t>尼崎市</t>
    <rPh sb="0" eb="3">
      <t>アマガサキシ</t>
    </rPh>
    <phoneticPr fontId="7"/>
  </si>
  <si>
    <t>立花町3丁目32-23</t>
    <rPh sb="0" eb="3">
      <t>タチバナチョウ</t>
    </rPh>
    <rPh sb="4" eb="6">
      <t>チョウメ</t>
    </rPh>
    <phoneticPr fontId="7"/>
  </si>
  <si>
    <t>06-6422-4700</t>
    <phoneticPr fontId="7"/>
  </si>
  <si>
    <t>揖保郡太子町</t>
    <rPh sb="0" eb="2">
      <t>イボ</t>
    </rPh>
    <rPh sb="2" eb="3">
      <t>グン</t>
    </rPh>
    <rPh sb="3" eb="6">
      <t>タイシチョウ</t>
    </rPh>
    <phoneticPr fontId="5"/>
  </si>
  <si>
    <t>上野設備工業㈱</t>
    <rPh sb="0" eb="2">
      <t>ウエノ</t>
    </rPh>
    <rPh sb="2" eb="4">
      <t>セツビ</t>
    </rPh>
    <rPh sb="4" eb="6">
      <t>コウギョウ</t>
    </rPh>
    <phoneticPr fontId="7"/>
  </si>
  <si>
    <t>揖保郡</t>
    <rPh sb="0" eb="3">
      <t>イボグン</t>
    </rPh>
    <phoneticPr fontId="7"/>
  </si>
  <si>
    <t>太子町東保465-1</t>
    <phoneticPr fontId="7"/>
  </si>
  <si>
    <t>079-276-2446</t>
    <phoneticPr fontId="7"/>
  </si>
  <si>
    <t>カメモト設備</t>
    <phoneticPr fontId="5"/>
  </si>
  <si>
    <t>太子町東保423番地3</t>
    <phoneticPr fontId="5"/>
  </si>
  <si>
    <t>079-277-2462</t>
    <phoneticPr fontId="5"/>
  </si>
  <si>
    <t>小野市</t>
    <rPh sb="0" eb="2">
      <t>オノ</t>
    </rPh>
    <rPh sb="2" eb="3">
      <t>シ</t>
    </rPh>
    <phoneticPr fontId="5"/>
  </si>
  <si>
    <t>上野設備工業</t>
    <rPh sb="0" eb="2">
      <t>ウエノ</t>
    </rPh>
    <rPh sb="2" eb="4">
      <t>セツビ</t>
    </rPh>
    <rPh sb="4" eb="6">
      <t>コウギョウ</t>
    </rPh>
    <phoneticPr fontId="7"/>
  </si>
  <si>
    <t>小野市</t>
    <rPh sb="0" eb="3">
      <t>オノシ</t>
    </rPh>
    <phoneticPr fontId="7"/>
  </si>
  <si>
    <t>下大部町956-2</t>
    <rPh sb="0" eb="1">
      <t>シモ</t>
    </rPh>
    <rPh sb="1" eb="2">
      <t>オオ</t>
    </rPh>
    <rPh sb="2" eb="3">
      <t>ブ</t>
    </rPh>
    <rPh sb="3" eb="4">
      <t>チョウ</t>
    </rPh>
    <phoneticPr fontId="7"/>
  </si>
  <si>
    <t>0794-63-3648</t>
    <phoneticPr fontId="7"/>
  </si>
  <si>
    <t>小林設備工業㈲</t>
    <rPh sb="0" eb="2">
      <t>コバヤシ</t>
    </rPh>
    <rPh sb="2" eb="4">
      <t>セツビ</t>
    </rPh>
    <rPh sb="4" eb="6">
      <t>コウギョウ</t>
    </rPh>
    <phoneticPr fontId="7"/>
  </si>
  <si>
    <t>河合西町238</t>
    <rPh sb="0" eb="2">
      <t>カワイ</t>
    </rPh>
    <rPh sb="2" eb="3">
      <t>ニシ</t>
    </rPh>
    <rPh sb="3" eb="4">
      <t>チョウ</t>
    </rPh>
    <phoneticPr fontId="7"/>
  </si>
  <si>
    <t>0794-66-2355</t>
    <phoneticPr fontId="7"/>
  </si>
  <si>
    <t>中島水道設備㈱</t>
    <rPh sb="0" eb="2">
      <t>ナカジマ</t>
    </rPh>
    <rPh sb="2" eb="4">
      <t>スイドウ</t>
    </rPh>
    <rPh sb="4" eb="6">
      <t>セツビ</t>
    </rPh>
    <phoneticPr fontId="7"/>
  </si>
  <si>
    <t>上本町46-2</t>
    <rPh sb="0" eb="3">
      <t>ウエホンマチ</t>
    </rPh>
    <phoneticPr fontId="7"/>
  </si>
  <si>
    <t>0794-62-2613</t>
    <phoneticPr fontId="7"/>
  </si>
  <si>
    <t>藤井設備工業㈱</t>
    <rPh sb="0" eb="1">
      <t>フジイ</t>
    </rPh>
    <rPh sb="1" eb="3">
      <t>セツビ</t>
    </rPh>
    <rPh sb="3" eb="5">
      <t>コウギョウ</t>
    </rPh>
    <phoneticPr fontId="5"/>
  </si>
  <si>
    <t>敷地町1382番地</t>
    <rPh sb="0" eb="2">
      <t>シキジ</t>
    </rPh>
    <rPh sb="2" eb="3">
      <t>チョウ</t>
    </rPh>
    <rPh sb="7" eb="9">
      <t>バンチ</t>
    </rPh>
    <phoneticPr fontId="7"/>
  </si>
  <si>
    <t>0794-63-4912</t>
    <phoneticPr fontId="5"/>
  </si>
  <si>
    <t>松沢産業</t>
    <rPh sb="0" eb="1">
      <t>マツ</t>
    </rPh>
    <rPh sb="1" eb="2">
      <t>サワ</t>
    </rPh>
    <rPh sb="2" eb="4">
      <t>サンギョウ</t>
    </rPh>
    <phoneticPr fontId="5"/>
  </si>
  <si>
    <t>小野市</t>
    <rPh sb="0" eb="3">
      <t>オノシ</t>
    </rPh>
    <phoneticPr fontId="5"/>
  </si>
  <si>
    <t>市場町133-4</t>
    <rPh sb="2" eb="3">
      <t>マチ</t>
    </rPh>
    <phoneticPr fontId="5"/>
  </si>
  <si>
    <t>0794-62-2224</t>
    <phoneticPr fontId="5"/>
  </si>
  <si>
    <t>マルキョー</t>
    <phoneticPr fontId="5"/>
  </si>
  <si>
    <t>万勝寺町768-11</t>
    <rPh sb="0" eb="1">
      <t>マン</t>
    </rPh>
    <rPh sb="1" eb="2">
      <t>カツ</t>
    </rPh>
    <rPh sb="2" eb="3">
      <t>テラ</t>
    </rPh>
    <rPh sb="3" eb="4">
      <t>マチ</t>
    </rPh>
    <phoneticPr fontId="5"/>
  </si>
  <si>
    <t>0794-64-5877</t>
    <phoneticPr fontId="7"/>
  </si>
  <si>
    <t>みどり設備グラッド</t>
    <rPh sb="3" eb="5">
      <t>セツビ</t>
    </rPh>
    <phoneticPr fontId="7"/>
  </si>
  <si>
    <t>王子町260-1</t>
    <rPh sb="0" eb="2">
      <t>オウジ</t>
    </rPh>
    <rPh sb="2" eb="3">
      <t>チョウ</t>
    </rPh>
    <phoneticPr fontId="7"/>
  </si>
  <si>
    <t>0794-63-7963</t>
    <phoneticPr fontId="7"/>
  </si>
  <si>
    <t>三輪設備</t>
    <rPh sb="0" eb="2">
      <t>ミワ</t>
    </rPh>
    <rPh sb="2" eb="4">
      <t>セツビ</t>
    </rPh>
    <phoneticPr fontId="5"/>
  </si>
  <si>
    <t>久保木町218-2</t>
    <rPh sb="0" eb="3">
      <t>クボキ</t>
    </rPh>
    <rPh sb="3" eb="4">
      <t>チョウ</t>
    </rPh>
    <phoneticPr fontId="5"/>
  </si>
  <si>
    <t>0794-62-4193</t>
    <phoneticPr fontId="5"/>
  </si>
  <si>
    <t>加古川市</t>
    <rPh sb="0" eb="3">
      <t>カコガワ</t>
    </rPh>
    <rPh sb="3" eb="4">
      <t>シ</t>
    </rPh>
    <phoneticPr fontId="5"/>
  </si>
  <si>
    <t>アイエム工業</t>
    <rPh sb="4" eb="6">
      <t>コウギョウ</t>
    </rPh>
    <phoneticPr fontId="5"/>
  </si>
  <si>
    <t>尾上町口里606</t>
    <rPh sb="0" eb="1">
      <t>オ</t>
    </rPh>
    <rPh sb="1" eb="2">
      <t>ウエ</t>
    </rPh>
    <rPh sb="2" eb="3">
      <t>チョウ</t>
    </rPh>
    <rPh sb="3" eb="4">
      <t>クチ</t>
    </rPh>
    <rPh sb="4" eb="5">
      <t>サト</t>
    </rPh>
    <phoneticPr fontId="5"/>
  </si>
  <si>
    <t>079-456-4605</t>
    <phoneticPr fontId="5"/>
  </si>
  <si>
    <t>上野設備</t>
    <rPh sb="0" eb="1">
      <t>ウエ</t>
    </rPh>
    <rPh sb="1" eb="2">
      <t>ノ</t>
    </rPh>
    <rPh sb="2" eb="4">
      <t>セツビ</t>
    </rPh>
    <phoneticPr fontId="5"/>
  </si>
  <si>
    <t>尾上町養田209-7</t>
    <rPh sb="0" eb="2">
      <t>オノウエ</t>
    </rPh>
    <rPh sb="2" eb="3">
      <t>チョウ</t>
    </rPh>
    <rPh sb="3" eb="5">
      <t>ヨウダ</t>
    </rPh>
    <phoneticPr fontId="5"/>
  </si>
  <si>
    <t>079-425-6644</t>
    <phoneticPr fontId="5"/>
  </si>
  <si>
    <t>ＳＩＣ</t>
    <phoneticPr fontId="7"/>
  </si>
  <si>
    <t>加古川市</t>
    <rPh sb="0" eb="4">
      <t>カコガワシ</t>
    </rPh>
    <phoneticPr fontId="7"/>
  </si>
  <si>
    <t>加古川町備後335</t>
    <rPh sb="0" eb="3">
      <t>カコガワ</t>
    </rPh>
    <rPh sb="3" eb="4">
      <t>コガワチョウ</t>
    </rPh>
    <rPh sb="4" eb="6">
      <t>ビンゴ</t>
    </rPh>
    <phoneticPr fontId="7"/>
  </si>
  <si>
    <t>079-423-0358</t>
    <phoneticPr fontId="7"/>
  </si>
  <si>
    <t>大西住設</t>
    <rPh sb="0" eb="2">
      <t>オオニシ</t>
    </rPh>
    <rPh sb="2" eb="4">
      <t>ジュウセツ</t>
    </rPh>
    <phoneticPr fontId="5"/>
  </si>
  <si>
    <t>野口町水足519-2</t>
    <rPh sb="0" eb="2">
      <t>ノグチ</t>
    </rPh>
    <rPh sb="2" eb="3">
      <t>チョウ</t>
    </rPh>
    <rPh sb="3" eb="4">
      <t>ミズ</t>
    </rPh>
    <rPh sb="4" eb="5">
      <t>アシ</t>
    </rPh>
    <phoneticPr fontId="5"/>
  </si>
  <si>
    <t>079-490-3440</t>
    <phoneticPr fontId="5"/>
  </si>
  <si>
    <t>黒崎水道建設㈱</t>
    <rPh sb="0" eb="2">
      <t>クロサキ</t>
    </rPh>
    <rPh sb="2" eb="4">
      <t>スイドウ</t>
    </rPh>
    <rPh sb="4" eb="6">
      <t>ケンセツ</t>
    </rPh>
    <phoneticPr fontId="5"/>
  </si>
  <si>
    <t>加古川町木村118-3</t>
    <rPh sb="0" eb="3">
      <t>カコガワ</t>
    </rPh>
    <rPh sb="3" eb="4">
      <t>チョウ</t>
    </rPh>
    <rPh sb="4" eb="6">
      <t>キムラ</t>
    </rPh>
    <phoneticPr fontId="5"/>
  </si>
  <si>
    <t>079-423-6711</t>
    <phoneticPr fontId="5"/>
  </si>
  <si>
    <t>KSランディングス</t>
    <phoneticPr fontId="5"/>
  </si>
  <si>
    <t>八幡町中西条1077-2</t>
    <rPh sb="0" eb="3">
      <t>ヤハタチョウ</t>
    </rPh>
    <rPh sb="3" eb="5">
      <t>ナカニシ</t>
    </rPh>
    <rPh sb="5" eb="6">
      <t>ジョウ</t>
    </rPh>
    <phoneticPr fontId="5"/>
  </si>
  <si>
    <t>079-439-2291</t>
    <phoneticPr fontId="5"/>
  </si>
  <si>
    <t>小林設備㈱</t>
    <rPh sb="0" eb="2">
      <t>コバヤシ</t>
    </rPh>
    <rPh sb="2" eb="4">
      <t>セツビ</t>
    </rPh>
    <phoneticPr fontId="5"/>
  </si>
  <si>
    <t>東神吉町天下原36-1</t>
    <rPh sb="0" eb="1">
      <t>ヒガシ</t>
    </rPh>
    <rPh sb="1" eb="3">
      <t>カンキ</t>
    </rPh>
    <rPh sb="3" eb="4">
      <t>チョウ</t>
    </rPh>
    <rPh sb="4" eb="5">
      <t>アマ</t>
    </rPh>
    <rPh sb="5" eb="6">
      <t>シタ</t>
    </rPh>
    <rPh sb="6" eb="7">
      <t>ハラ</t>
    </rPh>
    <phoneticPr fontId="5"/>
  </si>
  <si>
    <t>079-432-3295</t>
    <phoneticPr fontId="5"/>
  </si>
  <si>
    <t>栄設備</t>
    <rPh sb="0" eb="1">
      <t>サカ</t>
    </rPh>
    <rPh sb="1" eb="3">
      <t>セツビ</t>
    </rPh>
    <phoneticPr fontId="7"/>
  </si>
  <si>
    <t>平岡町中野677-1</t>
    <rPh sb="0" eb="2">
      <t>ヒラオカ</t>
    </rPh>
    <rPh sb="2" eb="3">
      <t>チョウ</t>
    </rPh>
    <rPh sb="3" eb="5">
      <t>ナカノ</t>
    </rPh>
    <phoneticPr fontId="7"/>
  </si>
  <si>
    <t>079-437-1700</t>
    <phoneticPr fontId="7"/>
  </si>
  <si>
    <t>櫻井水設</t>
    <rPh sb="0" eb="2">
      <t>サクライ</t>
    </rPh>
    <rPh sb="2" eb="3">
      <t>スイ</t>
    </rPh>
    <rPh sb="3" eb="4">
      <t>セッチ</t>
    </rPh>
    <phoneticPr fontId="7"/>
  </si>
  <si>
    <t>東神吉町神吉761番地の2</t>
    <phoneticPr fontId="7"/>
  </si>
  <si>
    <t>079-432-5911</t>
    <phoneticPr fontId="7"/>
  </si>
  <si>
    <t>桜井設備工業㈱</t>
    <rPh sb="0" eb="2">
      <t>サクライ</t>
    </rPh>
    <rPh sb="2" eb="4">
      <t>セツビ</t>
    </rPh>
    <rPh sb="4" eb="6">
      <t>コウギョウ</t>
    </rPh>
    <phoneticPr fontId="7"/>
  </si>
  <si>
    <t>神野町石守417-6</t>
    <rPh sb="0" eb="2">
      <t>ジンノ</t>
    </rPh>
    <rPh sb="2" eb="3">
      <t>チョウ</t>
    </rPh>
    <rPh sb="3" eb="4">
      <t>イシ</t>
    </rPh>
    <rPh sb="4" eb="5">
      <t>モリ</t>
    </rPh>
    <phoneticPr fontId="7"/>
  </si>
  <si>
    <t>079-424-5110</t>
    <phoneticPr fontId="7"/>
  </si>
  <si>
    <t>翔設備</t>
    <rPh sb="0" eb="1">
      <t>ショウ</t>
    </rPh>
    <rPh sb="1" eb="3">
      <t>セツビ</t>
    </rPh>
    <phoneticPr fontId="5"/>
  </si>
  <si>
    <t>別府町別府629-1</t>
    <rPh sb="0" eb="2">
      <t>ベフ</t>
    </rPh>
    <rPh sb="2" eb="3">
      <t>チョウ</t>
    </rPh>
    <rPh sb="3" eb="5">
      <t>ベフ</t>
    </rPh>
    <phoneticPr fontId="7"/>
  </si>
  <si>
    <t>079-497-7174</t>
    <phoneticPr fontId="5"/>
  </si>
  <si>
    <t>シン</t>
  </si>
  <si>
    <t>加古川市</t>
  </si>
  <si>
    <t>野口町北野1321-1</t>
  </si>
  <si>
    <t>079-423-7809</t>
    <phoneticPr fontId="5"/>
  </si>
  <si>
    <t>関山設備</t>
  </si>
  <si>
    <t>東神吉町西井ノ口229-24</t>
  </si>
  <si>
    <t>079-439-4407</t>
    <phoneticPr fontId="5"/>
  </si>
  <si>
    <t>タルイ</t>
    <phoneticPr fontId="7"/>
  </si>
  <si>
    <t>西神吉町西村324-5</t>
    <rPh sb="0" eb="1">
      <t>ニシ</t>
    </rPh>
    <rPh sb="1" eb="2">
      <t>カミ</t>
    </rPh>
    <rPh sb="2" eb="3">
      <t>ヨシ</t>
    </rPh>
    <rPh sb="3" eb="4">
      <t>チョウ</t>
    </rPh>
    <rPh sb="4" eb="6">
      <t>ニシムラ</t>
    </rPh>
    <phoneticPr fontId="7"/>
  </si>
  <si>
    <t>079-432-0061</t>
    <phoneticPr fontId="5"/>
  </si>
  <si>
    <t>德岡興産</t>
    <rPh sb="0" eb="1">
      <t>トク</t>
    </rPh>
    <rPh sb="1" eb="2">
      <t>オカ</t>
    </rPh>
    <rPh sb="2" eb="4">
      <t>コウサン</t>
    </rPh>
    <phoneticPr fontId="7"/>
  </si>
  <si>
    <t>神野町福留1丁目63番地</t>
    <rPh sb="0" eb="2">
      <t>ジンノ</t>
    </rPh>
    <rPh sb="2" eb="3">
      <t>チョウ</t>
    </rPh>
    <rPh sb="3" eb="5">
      <t>フクトメ</t>
    </rPh>
    <rPh sb="6" eb="8">
      <t>チョウメ</t>
    </rPh>
    <rPh sb="10" eb="12">
      <t>バンチ</t>
    </rPh>
    <phoneticPr fontId="7"/>
  </si>
  <si>
    <t>079-439-6316</t>
    <phoneticPr fontId="7"/>
  </si>
  <si>
    <t>永光設備</t>
  </si>
  <si>
    <t>加古川町粟津145-11</t>
  </si>
  <si>
    <t>079-440-5110</t>
    <phoneticPr fontId="5"/>
  </si>
  <si>
    <t>日東設備工業</t>
    <rPh sb="0" eb="2">
      <t>ニットウ</t>
    </rPh>
    <rPh sb="2" eb="4">
      <t>セツビ</t>
    </rPh>
    <rPh sb="4" eb="6">
      <t>コウギョウ</t>
    </rPh>
    <phoneticPr fontId="7"/>
  </si>
  <si>
    <t>野口町良野876-1</t>
    <rPh sb="0" eb="2">
      <t>ノグチ</t>
    </rPh>
    <rPh sb="2" eb="3">
      <t>チョウ</t>
    </rPh>
    <rPh sb="3" eb="4">
      <t>ヨ</t>
    </rPh>
    <rPh sb="4" eb="5">
      <t>ノ</t>
    </rPh>
    <phoneticPr fontId="7"/>
  </si>
  <si>
    <t>079-427-1925</t>
    <phoneticPr fontId="7"/>
  </si>
  <si>
    <t>ハナフサ産業㈱</t>
  </si>
  <si>
    <t>八幡町中西条410</t>
    <phoneticPr fontId="5"/>
  </si>
  <si>
    <t>079-438-0009</t>
    <phoneticPr fontId="5"/>
  </si>
  <si>
    <t>阪神水道</t>
    <rPh sb="0" eb="2">
      <t>ハンシン</t>
    </rPh>
    <rPh sb="2" eb="4">
      <t>スイドウ</t>
    </rPh>
    <phoneticPr fontId="7"/>
  </si>
  <si>
    <t>神野町西条1138-3</t>
    <rPh sb="0" eb="2">
      <t>カミノ</t>
    </rPh>
    <rPh sb="2" eb="3">
      <t>チョウ</t>
    </rPh>
    <rPh sb="3" eb="5">
      <t>サイジョウ</t>
    </rPh>
    <phoneticPr fontId="7"/>
  </si>
  <si>
    <t>079-438-8088</t>
    <phoneticPr fontId="7"/>
  </si>
  <si>
    <t>明和設備工業所</t>
    <rPh sb="0" eb="2">
      <t>メイワ</t>
    </rPh>
    <rPh sb="2" eb="4">
      <t>セツビ</t>
    </rPh>
    <rPh sb="4" eb="7">
      <t>コウギョウショ</t>
    </rPh>
    <phoneticPr fontId="5"/>
  </si>
  <si>
    <t>野口町坂元87</t>
    <rPh sb="0" eb="2">
      <t>ノグチ</t>
    </rPh>
    <rPh sb="2" eb="3">
      <t>チョウ</t>
    </rPh>
    <rPh sb="3" eb="5">
      <t>サカモト</t>
    </rPh>
    <phoneticPr fontId="5"/>
  </si>
  <si>
    <t>079-490-3759</t>
    <phoneticPr fontId="5"/>
  </si>
  <si>
    <t>ユタカ建設</t>
    <rPh sb="3" eb="5">
      <t>ケンセツ</t>
    </rPh>
    <phoneticPr fontId="7"/>
  </si>
  <si>
    <t>野口町野口90-2</t>
    <rPh sb="0" eb="3">
      <t>ノグチチョウ</t>
    </rPh>
    <rPh sb="3" eb="5">
      <t>ノグチ</t>
    </rPh>
    <phoneticPr fontId="7"/>
  </si>
  <si>
    <t>079-427-2675</t>
    <phoneticPr fontId="7"/>
  </si>
  <si>
    <t>加古郡稲美町</t>
    <rPh sb="0" eb="2">
      <t>カコ</t>
    </rPh>
    <rPh sb="2" eb="3">
      <t>グン</t>
    </rPh>
    <rPh sb="3" eb="5">
      <t>イナミ</t>
    </rPh>
    <rPh sb="5" eb="6">
      <t>チョウ</t>
    </rPh>
    <phoneticPr fontId="5"/>
  </si>
  <si>
    <t>ホームテックあおい</t>
    <phoneticPr fontId="5"/>
  </si>
  <si>
    <t>加古郡</t>
    <rPh sb="0" eb="3">
      <t>カコグン</t>
    </rPh>
    <phoneticPr fontId="5"/>
  </si>
  <si>
    <t>稲美町加古3253番地の3</t>
    <rPh sb="0" eb="2">
      <t>イナミ</t>
    </rPh>
    <rPh sb="2" eb="3">
      <t>チョウ</t>
    </rPh>
    <rPh sb="3" eb="5">
      <t>カコ</t>
    </rPh>
    <rPh sb="9" eb="11">
      <t>バンチ</t>
    </rPh>
    <phoneticPr fontId="5"/>
  </si>
  <si>
    <t>079-492-1028</t>
    <phoneticPr fontId="5"/>
  </si>
  <si>
    <t>加東市</t>
    <rPh sb="0" eb="2">
      <t>カトウシ</t>
    </rPh>
    <rPh sb="2" eb="3">
      <t>シ</t>
    </rPh>
    <phoneticPr fontId="5"/>
  </si>
  <si>
    <t>井上デンキ</t>
    <rPh sb="0" eb="2">
      <t>イノウエ</t>
    </rPh>
    <phoneticPr fontId="7"/>
  </si>
  <si>
    <t>加東市</t>
    <rPh sb="0" eb="2">
      <t>カトウシ</t>
    </rPh>
    <rPh sb="2" eb="3">
      <t>シ</t>
    </rPh>
    <phoneticPr fontId="7"/>
  </si>
  <si>
    <t>河高2482</t>
    <rPh sb="0" eb="1">
      <t>カワ</t>
    </rPh>
    <rPh sb="1" eb="2">
      <t>コウ</t>
    </rPh>
    <phoneticPr fontId="7"/>
  </si>
  <si>
    <t>0795-48-2167</t>
    <phoneticPr fontId="7"/>
  </si>
  <si>
    <t>ウノ</t>
    <phoneticPr fontId="5"/>
  </si>
  <si>
    <t>社245-2</t>
    <rPh sb="0" eb="1">
      <t>シャ</t>
    </rPh>
    <phoneticPr fontId="7"/>
  </si>
  <si>
    <t>0795-42-1021</t>
    <phoneticPr fontId="5"/>
  </si>
  <si>
    <t>大西電器</t>
    <rPh sb="0" eb="2">
      <t>オオニシ</t>
    </rPh>
    <rPh sb="2" eb="4">
      <t>デンキ</t>
    </rPh>
    <phoneticPr fontId="7"/>
  </si>
  <si>
    <t>高岡209</t>
    <rPh sb="0" eb="2">
      <t>タカオカ</t>
    </rPh>
    <phoneticPr fontId="7"/>
  </si>
  <si>
    <t>0795-48-9013</t>
    <phoneticPr fontId="7"/>
  </si>
  <si>
    <t>共栄住宅設備工業㈱</t>
    <rPh sb="0" eb="2">
      <t>キョウエイ</t>
    </rPh>
    <rPh sb="2" eb="4">
      <t>ジュウタク</t>
    </rPh>
    <rPh sb="4" eb="6">
      <t>セツビ</t>
    </rPh>
    <rPh sb="6" eb="8">
      <t>コウギョウ</t>
    </rPh>
    <phoneticPr fontId="7"/>
  </si>
  <si>
    <t>下滝野220</t>
    <rPh sb="0" eb="1">
      <t>シモ</t>
    </rPh>
    <rPh sb="1" eb="3">
      <t>タキノ</t>
    </rPh>
    <phoneticPr fontId="7"/>
  </si>
  <si>
    <t>0795-48-2375</t>
    <phoneticPr fontId="7"/>
  </si>
  <si>
    <t>藏前商事㈱</t>
    <rPh sb="0" eb="1">
      <t>クラ</t>
    </rPh>
    <rPh sb="1" eb="2">
      <t>マエ</t>
    </rPh>
    <rPh sb="2" eb="4">
      <t>ショウジ</t>
    </rPh>
    <phoneticPr fontId="7"/>
  </si>
  <si>
    <t>加東市</t>
    <rPh sb="0" eb="2">
      <t>カトウ</t>
    </rPh>
    <rPh sb="2" eb="3">
      <t>シ</t>
    </rPh>
    <phoneticPr fontId="7"/>
  </si>
  <si>
    <t>河高2467</t>
    <rPh sb="0" eb="1">
      <t>カワ</t>
    </rPh>
    <rPh sb="1" eb="2">
      <t>タカ</t>
    </rPh>
    <phoneticPr fontId="5"/>
  </si>
  <si>
    <t>0795-48-3168</t>
    <phoneticPr fontId="7"/>
  </si>
  <si>
    <t>田上ウォーターサービス</t>
    <rPh sb="0" eb="2">
      <t>タガミ</t>
    </rPh>
    <phoneticPr fontId="7"/>
  </si>
  <si>
    <t>沢部797-1</t>
    <rPh sb="0" eb="2">
      <t>サワベ</t>
    </rPh>
    <phoneticPr fontId="7"/>
  </si>
  <si>
    <t>0795-42-3572</t>
    <phoneticPr fontId="7"/>
  </si>
  <si>
    <t>西田設備㈱</t>
    <rPh sb="0" eb="2">
      <t>ニシダ</t>
    </rPh>
    <rPh sb="2" eb="4">
      <t>セツビ</t>
    </rPh>
    <phoneticPr fontId="7"/>
  </si>
  <si>
    <t>家原537-1</t>
    <rPh sb="0" eb="1">
      <t>イエ</t>
    </rPh>
    <rPh sb="1" eb="2">
      <t>ハラ</t>
    </rPh>
    <phoneticPr fontId="7"/>
  </si>
  <si>
    <t>0795-42-2562</t>
    <phoneticPr fontId="7"/>
  </si>
  <si>
    <t>村上住設</t>
    <rPh sb="0" eb="2">
      <t>ムラカミ</t>
    </rPh>
    <rPh sb="2" eb="3">
      <t>ジュウ</t>
    </rPh>
    <rPh sb="3" eb="4">
      <t>セツ</t>
    </rPh>
    <phoneticPr fontId="5"/>
  </si>
  <si>
    <t>加東市</t>
    <rPh sb="0" eb="2">
      <t>カトウ</t>
    </rPh>
    <rPh sb="2" eb="3">
      <t>シ</t>
    </rPh>
    <phoneticPr fontId="5"/>
  </si>
  <si>
    <t>藤田148-2</t>
    <rPh sb="0" eb="2">
      <t>フジタ</t>
    </rPh>
    <phoneticPr fontId="5"/>
  </si>
  <si>
    <t>0795-42-1127</t>
    <phoneticPr fontId="5"/>
  </si>
  <si>
    <t>神崎郡市川町</t>
    <rPh sb="0" eb="2">
      <t>カンザキ</t>
    </rPh>
    <rPh sb="2" eb="3">
      <t>グン</t>
    </rPh>
    <rPh sb="3" eb="5">
      <t>イチカワ</t>
    </rPh>
    <rPh sb="5" eb="6">
      <t>チョウ</t>
    </rPh>
    <phoneticPr fontId="5"/>
  </si>
  <si>
    <t>後藤電気㈱</t>
    <rPh sb="0" eb="2">
      <t>ゴトウ</t>
    </rPh>
    <rPh sb="2" eb="4">
      <t>デンキ</t>
    </rPh>
    <phoneticPr fontId="7"/>
  </si>
  <si>
    <t>神崎郡</t>
    <rPh sb="0" eb="2">
      <t>カンザキ</t>
    </rPh>
    <rPh sb="2" eb="3">
      <t>グン</t>
    </rPh>
    <phoneticPr fontId="7"/>
  </si>
  <si>
    <t>市川町西田中444-1</t>
    <rPh sb="0" eb="3">
      <t>イチカワチョウ</t>
    </rPh>
    <rPh sb="3" eb="6">
      <t>ニシタナカ</t>
    </rPh>
    <phoneticPr fontId="7"/>
  </si>
  <si>
    <t>0790-26-0152</t>
    <phoneticPr fontId="7"/>
  </si>
  <si>
    <t>神崎郡神河町</t>
    <rPh sb="0" eb="2">
      <t>カンザキ</t>
    </rPh>
    <rPh sb="2" eb="3">
      <t>グン</t>
    </rPh>
    <rPh sb="3" eb="4">
      <t>カミ</t>
    </rPh>
    <rPh sb="4" eb="5">
      <t>カワ</t>
    </rPh>
    <rPh sb="5" eb="6">
      <t>チョウ</t>
    </rPh>
    <phoneticPr fontId="5"/>
  </si>
  <si>
    <t>堀口</t>
    <rPh sb="0" eb="2">
      <t>ホリグチ</t>
    </rPh>
    <phoneticPr fontId="7"/>
  </si>
  <si>
    <t>神河町粟賀町466-1</t>
    <rPh sb="0" eb="2">
      <t>カミカワ</t>
    </rPh>
    <rPh sb="2" eb="3">
      <t>チョウ</t>
    </rPh>
    <rPh sb="3" eb="4">
      <t>アワ</t>
    </rPh>
    <rPh sb="4" eb="5">
      <t>カガ</t>
    </rPh>
    <rPh sb="5" eb="6">
      <t>チョウ</t>
    </rPh>
    <phoneticPr fontId="7"/>
  </si>
  <si>
    <t>0790-32-1138</t>
    <phoneticPr fontId="7"/>
  </si>
  <si>
    <t>神崎郡福崎町</t>
    <rPh sb="0" eb="2">
      <t>カンザキ</t>
    </rPh>
    <rPh sb="2" eb="3">
      <t>グン</t>
    </rPh>
    <rPh sb="3" eb="5">
      <t>フクサキ</t>
    </rPh>
    <rPh sb="5" eb="6">
      <t>チョウ</t>
    </rPh>
    <phoneticPr fontId="5"/>
  </si>
  <si>
    <t>鬼本工業㈲</t>
    <rPh sb="0" eb="1">
      <t>オニ</t>
    </rPh>
    <rPh sb="1" eb="2">
      <t>モト</t>
    </rPh>
    <rPh sb="2" eb="4">
      <t>コウギョウ</t>
    </rPh>
    <phoneticPr fontId="7"/>
  </si>
  <si>
    <t>福崎町高岡1461</t>
    <rPh sb="0" eb="2">
      <t>フクサキ</t>
    </rPh>
    <rPh sb="2" eb="3">
      <t>チョウ</t>
    </rPh>
    <rPh sb="3" eb="5">
      <t>タカオカ</t>
    </rPh>
    <phoneticPr fontId="7"/>
  </si>
  <si>
    <t>0790-22-5614</t>
    <phoneticPr fontId="5"/>
  </si>
  <si>
    <t>福水工業</t>
    <rPh sb="0" eb="2">
      <t>フクミズ</t>
    </rPh>
    <rPh sb="2" eb="4">
      <t>コウギョウ</t>
    </rPh>
    <phoneticPr fontId="7"/>
  </si>
  <si>
    <t>福崎町西田原1512-5</t>
    <rPh sb="0" eb="3">
      <t>フクサキチョウ</t>
    </rPh>
    <rPh sb="3" eb="5">
      <t>ニシダ</t>
    </rPh>
    <rPh sb="5" eb="6">
      <t>ハラ</t>
    </rPh>
    <phoneticPr fontId="7"/>
  </si>
  <si>
    <t>0790-22-1266</t>
    <phoneticPr fontId="7"/>
  </si>
  <si>
    <t>藤澤工業㈱</t>
    <rPh sb="0" eb="2">
      <t>フジサワ</t>
    </rPh>
    <rPh sb="2" eb="4">
      <t>コウギョウ</t>
    </rPh>
    <phoneticPr fontId="7"/>
  </si>
  <si>
    <t>福崎町西田原1946</t>
    <rPh sb="0" eb="2">
      <t>フクサキ</t>
    </rPh>
    <rPh sb="2" eb="3">
      <t>チョウ</t>
    </rPh>
    <rPh sb="3" eb="4">
      <t>ニシ</t>
    </rPh>
    <rPh sb="4" eb="6">
      <t>タハラ</t>
    </rPh>
    <phoneticPr fontId="7"/>
  </si>
  <si>
    <t>0790-22-5597</t>
    <phoneticPr fontId="7"/>
  </si>
  <si>
    <t>松岡設備㈱</t>
    <rPh sb="0" eb="2">
      <t>マツオカ</t>
    </rPh>
    <rPh sb="2" eb="4">
      <t>セツビ</t>
    </rPh>
    <phoneticPr fontId="7"/>
  </si>
  <si>
    <t>福崎町西田原1572-2</t>
    <rPh sb="0" eb="2">
      <t>フクサキ</t>
    </rPh>
    <rPh sb="2" eb="3">
      <t>チョウ</t>
    </rPh>
    <rPh sb="3" eb="4">
      <t>ニシ</t>
    </rPh>
    <rPh sb="4" eb="6">
      <t>タハラ</t>
    </rPh>
    <phoneticPr fontId="7"/>
  </si>
  <si>
    <t>0790-22-1828</t>
    <phoneticPr fontId="7"/>
  </si>
  <si>
    <t>神戸市</t>
    <rPh sb="0" eb="2">
      <t>コウベ</t>
    </rPh>
    <rPh sb="2" eb="3">
      <t>シ</t>
    </rPh>
    <phoneticPr fontId="5"/>
  </si>
  <si>
    <t>I・F・D</t>
    <phoneticPr fontId="5"/>
  </si>
  <si>
    <t>神戸市</t>
    <rPh sb="0" eb="3">
      <t>コウベシ</t>
    </rPh>
    <phoneticPr fontId="7"/>
  </si>
  <si>
    <t>西区平野町下村109番地</t>
  </si>
  <si>
    <t>078-939-4368</t>
    <phoneticPr fontId="5"/>
  </si>
  <si>
    <t>池水工業㈱</t>
    <rPh sb="0" eb="1">
      <t>イケ</t>
    </rPh>
    <rPh sb="1" eb="2">
      <t>ミズ</t>
    </rPh>
    <rPh sb="2" eb="4">
      <t>コウギョウ</t>
    </rPh>
    <phoneticPr fontId="5"/>
  </si>
  <si>
    <t>長田区蓮宮通3丁目1-3</t>
    <rPh sb="0" eb="2">
      <t>ナガタ</t>
    </rPh>
    <rPh sb="2" eb="3">
      <t>ク</t>
    </rPh>
    <rPh sb="3" eb="4">
      <t>レン</t>
    </rPh>
    <rPh sb="4" eb="5">
      <t>ミヤ</t>
    </rPh>
    <rPh sb="5" eb="6">
      <t>トオ</t>
    </rPh>
    <rPh sb="7" eb="9">
      <t>チョウメ</t>
    </rPh>
    <phoneticPr fontId="5"/>
  </si>
  <si>
    <t>078-611-1522</t>
    <phoneticPr fontId="5"/>
  </si>
  <si>
    <t>クラシアン神戸支社</t>
    <rPh sb="5" eb="7">
      <t>コウベ</t>
    </rPh>
    <rPh sb="7" eb="9">
      <t>シシャ</t>
    </rPh>
    <phoneticPr fontId="5"/>
  </si>
  <si>
    <t>長田区大道通5丁目101-15ｸﾞﾗﾝﾄﾞｰﾚ大道1Ｆ</t>
    <rPh sb="0" eb="2">
      <t>ナガタ</t>
    </rPh>
    <rPh sb="2" eb="3">
      <t>ク</t>
    </rPh>
    <rPh sb="3" eb="5">
      <t>オオミチ</t>
    </rPh>
    <rPh sb="5" eb="6">
      <t>トオ</t>
    </rPh>
    <rPh sb="7" eb="9">
      <t>チョウメ</t>
    </rPh>
    <rPh sb="23" eb="25">
      <t>オオミチ</t>
    </rPh>
    <phoneticPr fontId="5"/>
  </si>
  <si>
    <t>0120-500-500</t>
    <phoneticPr fontId="5"/>
  </si>
  <si>
    <t>ツボサカ</t>
    <phoneticPr fontId="7"/>
  </si>
  <si>
    <t>西区福吉台2-25-17</t>
    <rPh sb="0" eb="2">
      <t>ニシク</t>
    </rPh>
    <rPh sb="2" eb="4">
      <t>フクヨシ</t>
    </rPh>
    <rPh sb="4" eb="5">
      <t>ダイ</t>
    </rPh>
    <phoneticPr fontId="7"/>
  </si>
  <si>
    <t>078-967-2122</t>
    <phoneticPr fontId="5"/>
  </si>
  <si>
    <t>松岡組</t>
    <rPh sb="0" eb="2">
      <t>マツオカ</t>
    </rPh>
    <rPh sb="2" eb="3">
      <t>グミ</t>
    </rPh>
    <phoneticPr fontId="7"/>
  </si>
  <si>
    <t>西区櫨谷町寺谷1242番693</t>
    <rPh sb="0" eb="2">
      <t>ニシク</t>
    </rPh>
    <rPh sb="2" eb="4">
      <t>ハセタニ</t>
    </rPh>
    <rPh sb="4" eb="5">
      <t>チョウ</t>
    </rPh>
    <rPh sb="5" eb="7">
      <t>テラタニ</t>
    </rPh>
    <rPh sb="11" eb="12">
      <t>バン</t>
    </rPh>
    <phoneticPr fontId="7"/>
  </si>
  <si>
    <t>078-997-1422</t>
    <phoneticPr fontId="7"/>
  </si>
  <si>
    <t>ユーサーブ</t>
    <phoneticPr fontId="5"/>
  </si>
  <si>
    <t>078-967-5959</t>
    <phoneticPr fontId="5"/>
  </si>
  <si>
    <t>ＹＭ設備</t>
    <rPh sb="2" eb="4">
      <t>セツビ</t>
    </rPh>
    <phoneticPr fontId="5"/>
  </si>
  <si>
    <t>西区白水2丁目10-11</t>
    <rPh sb="0" eb="1">
      <t>ニシ</t>
    </rPh>
    <rPh sb="1" eb="2">
      <t>ク</t>
    </rPh>
    <rPh sb="2" eb="4">
      <t>ハクスイ</t>
    </rPh>
    <rPh sb="5" eb="7">
      <t>チョウメ</t>
    </rPh>
    <phoneticPr fontId="5"/>
  </si>
  <si>
    <t>078-978-1236</t>
    <phoneticPr fontId="5"/>
  </si>
  <si>
    <t>多可郡多可町</t>
    <rPh sb="0" eb="2">
      <t>タカ</t>
    </rPh>
    <rPh sb="2" eb="3">
      <t>グン</t>
    </rPh>
    <rPh sb="3" eb="5">
      <t>タカ</t>
    </rPh>
    <rPh sb="5" eb="6">
      <t>チョウ</t>
    </rPh>
    <phoneticPr fontId="5"/>
  </si>
  <si>
    <t>京立建材㈲</t>
    <rPh sb="0" eb="1">
      <t>キョウ</t>
    </rPh>
    <rPh sb="1" eb="2">
      <t>リツ</t>
    </rPh>
    <rPh sb="2" eb="4">
      <t>ケンザイ</t>
    </rPh>
    <phoneticPr fontId="7"/>
  </si>
  <si>
    <t>多可郡</t>
    <rPh sb="0" eb="1">
      <t>タ</t>
    </rPh>
    <rPh sb="1" eb="2">
      <t>カ</t>
    </rPh>
    <rPh sb="2" eb="3">
      <t>グン</t>
    </rPh>
    <phoneticPr fontId="7"/>
  </si>
  <si>
    <t>多可町八千代区下野間894</t>
    <rPh sb="0" eb="2">
      <t>タカ</t>
    </rPh>
    <rPh sb="2" eb="3">
      <t>チョウ</t>
    </rPh>
    <rPh sb="3" eb="6">
      <t>ヤチヨ</t>
    </rPh>
    <rPh sb="6" eb="7">
      <t>ク</t>
    </rPh>
    <rPh sb="7" eb="8">
      <t>シモ</t>
    </rPh>
    <rPh sb="8" eb="10">
      <t>ノマ</t>
    </rPh>
    <phoneticPr fontId="7"/>
  </si>
  <si>
    <t>0795-37-0171</t>
    <phoneticPr fontId="7"/>
  </si>
  <si>
    <t>西口設備</t>
    <rPh sb="0" eb="2">
      <t>ニシグチ</t>
    </rPh>
    <rPh sb="2" eb="4">
      <t>セツビ</t>
    </rPh>
    <phoneticPr fontId="7"/>
  </si>
  <si>
    <t>多可郡</t>
    <rPh sb="0" eb="3">
      <t>タカグン</t>
    </rPh>
    <phoneticPr fontId="7"/>
  </si>
  <si>
    <t>多可町加美区杉原9</t>
    <rPh sb="0" eb="2">
      <t>タカ</t>
    </rPh>
    <rPh sb="2" eb="3">
      <t>チョウ</t>
    </rPh>
    <rPh sb="3" eb="5">
      <t>カミ</t>
    </rPh>
    <rPh sb="5" eb="6">
      <t>ク</t>
    </rPh>
    <rPh sb="6" eb="8">
      <t>スギハラ</t>
    </rPh>
    <phoneticPr fontId="7"/>
  </si>
  <si>
    <t>0795-36-1160</t>
    <phoneticPr fontId="7"/>
  </si>
  <si>
    <t>高砂市</t>
    <rPh sb="0" eb="2">
      <t>タカサゴ</t>
    </rPh>
    <rPh sb="2" eb="3">
      <t>シ</t>
    </rPh>
    <phoneticPr fontId="5"/>
  </si>
  <si>
    <t>嶋谷</t>
    <rPh sb="0" eb="1">
      <t>シマ</t>
    </rPh>
    <rPh sb="1" eb="2">
      <t>タニ</t>
    </rPh>
    <phoneticPr fontId="7"/>
  </si>
  <si>
    <t>高砂市</t>
    <rPh sb="0" eb="2">
      <t>タカサゴ</t>
    </rPh>
    <rPh sb="2" eb="3">
      <t>シ</t>
    </rPh>
    <phoneticPr fontId="7"/>
  </si>
  <si>
    <t>美保里8-3</t>
    <rPh sb="0" eb="1">
      <t>ミ</t>
    </rPh>
    <rPh sb="1" eb="2">
      <t>ホ</t>
    </rPh>
    <rPh sb="2" eb="3">
      <t>サト</t>
    </rPh>
    <phoneticPr fontId="7"/>
  </si>
  <si>
    <t>079-442-8890</t>
    <phoneticPr fontId="7"/>
  </si>
  <si>
    <t>土井建設㈱</t>
    <rPh sb="0" eb="2">
      <t>ドイ</t>
    </rPh>
    <rPh sb="2" eb="4">
      <t>ケンセツ</t>
    </rPh>
    <phoneticPr fontId="5"/>
  </si>
  <si>
    <t>阿弥陀町北池27番地1</t>
    <rPh sb="0" eb="3">
      <t>アミダ</t>
    </rPh>
    <rPh sb="3" eb="4">
      <t>チョウ</t>
    </rPh>
    <rPh sb="4" eb="5">
      <t>キタ</t>
    </rPh>
    <rPh sb="5" eb="6">
      <t>イケ</t>
    </rPh>
    <rPh sb="8" eb="10">
      <t>バンチ</t>
    </rPh>
    <phoneticPr fontId="7"/>
  </si>
  <si>
    <t>079-446-8787</t>
    <phoneticPr fontId="5"/>
  </si>
  <si>
    <t>藤井設備</t>
    <phoneticPr fontId="5"/>
  </si>
  <si>
    <t>神爪五丁目3-6</t>
    <rPh sb="0" eb="1">
      <t>カミ</t>
    </rPh>
    <rPh sb="1" eb="2">
      <t>ツメ</t>
    </rPh>
    <rPh sb="2" eb="5">
      <t>ゴチョウメ</t>
    </rPh>
    <phoneticPr fontId="5"/>
  </si>
  <si>
    <t>079-451-7297</t>
    <phoneticPr fontId="5"/>
  </si>
  <si>
    <t>宮先商店</t>
    <rPh sb="0" eb="1">
      <t>ミヤ</t>
    </rPh>
    <rPh sb="1" eb="2">
      <t>サキ</t>
    </rPh>
    <rPh sb="2" eb="4">
      <t>ショウテン</t>
    </rPh>
    <phoneticPr fontId="5"/>
  </si>
  <si>
    <t>高砂町浜田町1丁目6-3</t>
    <rPh sb="0" eb="2">
      <t>タカサゴ</t>
    </rPh>
    <rPh sb="2" eb="3">
      <t>チョウ</t>
    </rPh>
    <rPh sb="3" eb="5">
      <t>ハマダ</t>
    </rPh>
    <rPh sb="5" eb="6">
      <t>チョウ</t>
    </rPh>
    <rPh sb="7" eb="8">
      <t>チョウ</t>
    </rPh>
    <rPh sb="8" eb="9">
      <t>メ</t>
    </rPh>
    <phoneticPr fontId="5"/>
  </si>
  <si>
    <t>079-443-3737</t>
    <phoneticPr fontId="5"/>
  </si>
  <si>
    <t>明環</t>
    <rPh sb="0" eb="1">
      <t>メイ</t>
    </rPh>
    <rPh sb="1" eb="2">
      <t>カン</t>
    </rPh>
    <phoneticPr fontId="7"/>
  </si>
  <si>
    <t>伊保1丁目2-26</t>
    <rPh sb="0" eb="2">
      <t>イホ</t>
    </rPh>
    <rPh sb="2" eb="5">
      <t>１チョウメ</t>
    </rPh>
    <phoneticPr fontId="7"/>
  </si>
  <si>
    <t>079-447-0681</t>
    <phoneticPr fontId="7"/>
  </si>
  <si>
    <t>丹波市</t>
    <rPh sb="0" eb="2">
      <t>タンバ</t>
    </rPh>
    <rPh sb="2" eb="3">
      <t>シ</t>
    </rPh>
    <phoneticPr fontId="5"/>
  </si>
  <si>
    <t>光丸商會</t>
    <rPh sb="0" eb="1">
      <t>ミツ</t>
    </rPh>
    <rPh sb="1" eb="2">
      <t>マル</t>
    </rPh>
    <rPh sb="2" eb="3">
      <t>ショウ</t>
    </rPh>
    <rPh sb="3" eb="4">
      <t>カイ</t>
    </rPh>
    <phoneticPr fontId="5"/>
  </si>
  <si>
    <t>丹波市</t>
    <rPh sb="0" eb="2">
      <t>タンバ</t>
    </rPh>
    <rPh sb="2" eb="3">
      <t>シ</t>
    </rPh>
    <phoneticPr fontId="7"/>
  </si>
  <si>
    <t>山南町大谷263-1</t>
    <rPh sb="0" eb="2">
      <t>サンナン</t>
    </rPh>
    <rPh sb="2" eb="3">
      <t>チョウ</t>
    </rPh>
    <rPh sb="3" eb="5">
      <t>オオタニ</t>
    </rPh>
    <phoneticPr fontId="7"/>
  </si>
  <si>
    <t>0795-77-1229</t>
    <phoneticPr fontId="7"/>
  </si>
  <si>
    <t>西脇市</t>
    <rPh sb="0" eb="2">
      <t>ニシワキ</t>
    </rPh>
    <rPh sb="2" eb="3">
      <t>シ</t>
    </rPh>
    <phoneticPr fontId="5"/>
  </si>
  <si>
    <t>旭設備㈱</t>
    <rPh sb="0" eb="1">
      <t>アサヒ</t>
    </rPh>
    <rPh sb="1" eb="3">
      <t>セツビ</t>
    </rPh>
    <phoneticPr fontId="7"/>
  </si>
  <si>
    <t>西脇市</t>
    <rPh sb="0" eb="2">
      <t>ニシワキ</t>
    </rPh>
    <rPh sb="2" eb="3">
      <t>シ</t>
    </rPh>
    <phoneticPr fontId="7"/>
  </si>
  <si>
    <t>和布町190-29</t>
    <rPh sb="0" eb="1">
      <t>ワ</t>
    </rPh>
    <rPh sb="1" eb="2">
      <t>ヌノ</t>
    </rPh>
    <rPh sb="2" eb="3">
      <t>チョウ</t>
    </rPh>
    <phoneticPr fontId="7"/>
  </si>
  <si>
    <t>0795-22-2305</t>
    <phoneticPr fontId="7"/>
  </si>
  <si>
    <t>イズイ設備</t>
    <rPh sb="3" eb="5">
      <t>セツビ</t>
    </rPh>
    <phoneticPr fontId="7"/>
  </si>
  <si>
    <t>西脇市</t>
    <rPh sb="0" eb="3">
      <t>ニシワキシ</t>
    </rPh>
    <phoneticPr fontId="7"/>
  </si>
  <si>
    <t>日野町17</t>
    <rPh sb="0" eb="2">
      <t>ヒノ</t>
    </rPh>
    <rPh sb="2" eb="3">
      <t>チョウ</t>
    </rPh>
    <phoneticPr fontId="7"/>
  </si>
  <si>
    <t>0795-22-1061</t>
    <phoneticPr fontId="7"/>
  </si>
  <si>
    <t>ウノ</t>
    <phoneticPr fontId="7"/>
  </si>
  <si>
    <t>西田町261-1</t>
    <rPh sb="0" eb="2">
      <t>ニシダ</t>
    </rPh>
    <rPh sb="2" eb="3">
      <t>チョウ</t>
    </rPh>
    <phoneticPr fontId="7"/>
  </si>
  <si>
    <t>0795-22-1261</t>
    <phoneticPr fontId="7"/>
  </si>
  <si>
    <t>金本設備</t>
    <rPh sb="0" eb="2">
      <t>カネモト</t>
    </rPh>
    <rPh sb="2" eb="4">
      <t>セツビ</t>
    </rPh>
    <phoneticPr fontId="7"/>
  </si>
  <si>
    <t>野村町49-3</t>
    <rPh sb="0" eb="2">
      <t>ノムラ</t>
    </rPh>
    <rPh sb="2" eb="3">
      <t>チョウ</t>
    </rPh>
    <phoneticPr fontId="7"/>
  </si>
  <si>
    <t>0795-22-7293</t>
    <phoneticPr fontId="7"/>
  </si>
  <si>
    <t>寿建設㈱</t>
    <rPh sb="0" eb="1">
      <t>コトブキ</t>
    </rPh>
    <rPh sb="1" eb="3">
      <t>ケンセツ</t>
    </rPh>
    <phoneticPr fontId="7"/>
  </si>
  <si>
    <t>小坂町177-1</t>
    <rPh sb="0" eb="2">
      <t>コサカ</t>
    </rPh>
    <rPh sb="2" eb="3">
      <t>チョウ</t>
    </rPh>
    <phoneticPr fontId="7"/>
  </si>
  <si>
    <t>0795-22-2986</t>
    <phoneticPr fontId="7"/>
  </si>
  <si>
    <t>西部電建㈱</t>
    <rPh sb="0" eb="2">
      <t>セイブ</t>
    </rPh>
    <rPh sb="2" eb="3">
      <t>デン</t>
    </rPh>
    <rPh sb="3" eb="4">
      <t>ダテ</t>
    </rPh>
    <phoneticPr fontId="7"/>
  </si>
  <si>
    <t>西脇885-120</t>
    <rPh sb="0" eb="2">
      <t>ニシワキ</t>
    </rPh>
    <phoneticPr fontId="7"/>
  </si>
  <si>
    <t>0795-22-2451</t>
    <phoneticPr fontId="7"/>
  </si>
  <si>
    <t>竹内工業所</t>
    <rPh sb="0" eb="2">
      <t>タケウチ</t>
    </rPh>
    <rPh sb="2" eb="5">
      <t>コウギョウショ</t>
    </rPh>
    <phoneticPr fontId="7"/>
  </si>
  <si>
    <t>高松町633-42</t>
    <rPh sb="0" eb="2">
      <t>タカマツ</t>
    </rPh>
    <phoneticPr fontId="7"/>
  </si>
  <si>
    <t>0795-22-2594</t>
    <phoneticPr fontId="7"/>
  </si>
  <si>
    <t>正井設備</t>
    <rPh sb="0" eb="2">
      <t>マサイ</t>
    </rPh>
    <rPh sb="2" eb="4">
      <t>セツビ</t>
    </rPh>
    <phoneticPr fontId="7"/>
  </si>
  <si>
    <t>黒田庄町喜多343</t>
    <rPh sb="0" eb="3">
      <t>クロダショウ</t>
    </rPh>
    <rPh sb="3" eb="4">
      <t>チョウ</t>
    </rPh>
    <rPh sb="4" eb="6">
      <t>キタ</t>
    </rPh>
    <phoneticPr fontId="7"/>
  </si>
  <si>
    <t>0795-45-9708</t>
    <phoneticPr fontId="7"/>
  </si>
  <si>
    <t>松尾電機</t>
    <rPh sb="0" eb="2">
      <t>マツオ</t>
    </rPh>
    <rPh sb="2" eb="4">
      <t>デンキ</t>
    </rPh>
    <phoneticPr fontId="7"/>
  </si>
  <si>
    <t>上比延町243-186</t>
    <rPh sb="0" eb="1">
      <t>カミ</t>
    </rPh>
    <rPh sb="1" eb="3">
      <t>ヒエ</t>
    </rPh>
    <rPh sb="3" eb="4">
      <t>チョウ</t>
    </rPh>
    <phoneticPr fontId="7"/>
  </si>
  <si>
    <t>0795-23-3186</t>
    <phoneticPr fontId="7"/>
  </si>
  <si>
    <t>姫路市</t>
    <rPh sb="0" eb="2">
      <t>ヒメジ</t>
    </rPh>
    <rPh sb="2" eb="3">
      <t>シ</t>
    </rPh>
    <phoneticPr fontId="5"/>
  </si>
  <si>
    <t>青山商会</t>
    <rPh sb="0" eb="2">
      <t>アオヤマ</t>
    </rPh>
    <rPh sb="2" eb="4">
      <t>ショウカイ</t>
    </rPh>
    <phoneticPr fontId="7"/>
  </si>
  <si>
    <t>姫路市</t>
    <rPh sb="0" eb="3">
      <t>ヒメジシ</t>
    </rPh>
    <phoneticPr fontId="7"/>
  </si>
  <si>
    <t>青山5丁目10-1</t>
    <rPh sb="0" eb="2">
      <t>アオヤマ</t>
    </rPh>
    <rPh sb="3" eb="5">
      <t>チョウメ</t>
    </rPh>
    <phoneticPr fontId="7"/>
  </si>
  <si>
    <t>079-266-2157</t>
    <phoneticPr fontId="7"/>
  </si>
  <si>
    <t>アクアクリーン</t>
    <phoneticPr fontId="7"/>
  </si>
  <si>
    <t>飾磨区今在家1048番地1</t>
    <rPh sb="0" eb="2">
      <t>シカマ</t>
    </rPh>
    <rPh sb="2" eb="3">
      <t>ク</t>
    </rPh>
    <rPh sb="3" eb="4">
      <t>イマ</t>
    </rPh>
    <rPh sb="4" eb="6">
      <t>ザイケ</t>
    </rPh>
    <rPh sb="10" eb="12">
      <t>バンチ</t>
    </rPh>
    <phoneticPr fontId="7"/>
  </si>
  <si>
    <t>079-233-0378</t>
    <phoneticPr fontId="7"/>
  </si>
  <si>
    <t>一四一</t>
    <rPh sb="0" eb="1">
      <t>イチ</t>
    </rPh>
    <rPh sb="1" eb="2">
      <t>ヨン</t>
    </rPh>
    <rPh sb="2" eb="3">
      <t>イチ</t>
    </rPh>
    <phoneticPr fontId="5"/>
  </si>
  <si>
    <t>079-266-2313</t>
    <phoneticPr fontId="5"/>
  </si>
  <si>
    <t>市木工業</t>
    <rPh sb="0" eb="1">
      <t>シ</t>
    </rPh>
    <rPh sb="1" eb="2">
      <t>キ</t>
    </rPh>
    <rPh sb="2" eb="4">
      <t>コウギョウ</t>
    </rPh>
    <phoneticPr fontId="5"/>
  </si>
  <si>
    <t>飾磨区玉地48-7</t>
    <rPh sb="0" eb="2">
      <t>シカマ</t>
    </rPh>
    <rPh sb="2" eb="3">
      <t>ク</t>
    </rPh>
    <rPh sb="3" eb="5">
      <t>タマチ</t>
    </rPh>
    <phoneticPr fontId="7"/>
  </si>
  <si>
    <t>079-228-0171</t>
    <phoneticPr fontId="5"/>
  </si>
  <si>
    <t>イワクニ</t>
    <phoneticPr fontId="7"/>
  </si>
  <si>
    <t>刀出134番地4</t>
    <rPh sb="0" eb="1">
      <t>カタナ</t>
    </rPh>
    <rPh sb="1" eb="2">
      <t>デ</t>
    </rPh>
    <rPh sb="5" eb="7">
      <t>バンチ</t>
    </rPh>
    <phoneticPr fontId="7"/>
  </si>
  <si>
    <t>079-266-7901</t>
    <phoneticPr fontId="7"/>
  </si>
  <si>
    <t>えばし設備</t>
    <rPh sb="3" eb="5">
      <t>セツビ</t>
    </rPh>
    <phoneticPr fontId="5"/>
  </si>
  <si>
    <t>木場550-9</t>
    <rPh sb="0" eb="2">
      <t>キバ</t>
    </rPh>
    <phoneticPr fontId="5"/>
  </si>
  <si>
    <t>079-246-2283</t>
    <phoneticPr fontId="5"/>
  </si>
  <si>
    <t>大野設備</t>
    <rPh sb="0" eb="2">
      <t>オオノ</t>
    </rPh>
    <rPh sb="2" eb="4">
      <t>セツビ</t>
    </rPh>
    <phoneticPr fontId="5"/>
  </si>
  <si>
    <t>香寺町溝口837-1</t>
    <rPh sb="0" eb="2">
      <t>コウデラ</t>
    </rPh>
    <rPh sb="2" eb="3">
      <t>チョウ</t>
    </rPh>
    <rPh sb="3" eb="5">
      <t>ミゾグチ</t>
    </rPh>
    <phoneticPr fontId="7"/>
  </si>
  <si>
    <t>079-232-3226</t>
    <phoneticPr fontId="5"/>
  </si>
  <si>
    <t>金山水道土木</t>
    <rPh sb="0" eb="2">
      <t>カナヤマ</t>
    </rPh>
    <rPh sb="2" eb="4">
      <t>スイドウ</t>
    </rPh>
    <rPh sb="4" eb="6">
      <t>ドボク</t>
    </rPh>
    <phoneticPr fontId="5"/>
  </si>
  <si>
    <t>広畑区蒲田1丁目61番地</t>
    <rPh sb="0" eb="1">
      <t>ヒロハラ</t>
    </rPh>
    <rPh sb="1" eb="2">
      <t>ハタ</t>
    </rPh>
    <rPh sb="2" eb="3">
      <t>ク</t>
    </rPh>
    <rPh sb="3" eb="5">
      <t>カマダ</t>
    </rPh>
    <rPh sb="6" eb="7">
      <t>チョウ</t>
    </rPh>
    <rPh sb="7" eb="8">
      <t>メ</t>
    </rPh>
    <rPh sb="10" eb="12">
      <t>バンチ</t>
    </rPh>
    <phoneticPr fontId="5"/>
  </si>
  <si>
    <t>079-236-4665</t>
    <phoneticPr fontId="5"/>
  </si>
  <si>
    <t>香寺設備サービス</t>
    <rPh sb="0" eb="2">
      <t>コウデラ</t>
    </rPh>
    <rPh sb="2" eb="4">
      <t>セツビ</t>
    </rPh>
    <phoneticPr fontId="7"/>
  </si>
  <si>
    <t>姫路市</t>
  </si>
  <si>
    <t>香寺町香呂197-1</t>
    <rPh sb="0" eb="2">
      <t>コウデラ</t>
    </rPh>
    <rPh sb="2" eb="3">
      <t>マチ</t>
    </rPh>
    <rPh sb="3" eb="5">
      <t>コウロ</t>
    </rPh>
    <phoneticPr fontId="7"/>
  </si>
  <si>
    <t>079-232-1048</t>
  </si>
  <si>
    <t>三都住設</t>
  </si>
  <si>
    <t>東山326番地3</t>
    <rPh sb="0" eb="2">
      <t>ヒガシヤマ</t>
    </rPh>
    <rPh sb="5" eb="7">
      <t>バンチ</t>
    </rPh>
    <phoneticPr fontId="7"/>
  </si>
  <si>
    <t>079-280-1631</t>
    <phoneticPr fontId="5"/>
  </si>
  <si>
    <t>新栄設備工業㈲</t>
    <rPh sb="0" eb="2">
      <t>シンエイ</t>
    </rPh>
    <rPh sb="2" eb="4">
      <t>セツビ</t>
    </rPh>
    <rPh sb="4" eb="6">
      <t>コウギョウ</t>
    </rPh>
    <phoneticPr fontId="5"/>
  </si>
  <si>
    <t>花田町上原田52-10</t>
    <rPh sb="0" eb="2">
      <t>ハナダ</t>
    </rPh>
    <rPh sb="2" eb="3">
      <t>チョウ</t>
    </rPh>
    <rPh sb="3" eb="4">
      <t>ウエ</t>
    </rPh>
    <rPh sb="4" eb="6">
      <t>ハラダ</t>
    </rPh>
    <phoneticPr fontId="5"/>
  </si>
  <si>
    <t>079-253-4767</t>
    <phoneticPr fontId="5"/>
  </si>
  <si>
    <t>伸心住設</t>
    <rPh sb="0" eb="1">
      <t>シン</t>
    </rPh>
    <rPh sb="1" eb="2">
      <t>シン</t>
    </rPh>
    <rPh sb="2" eb="3">
      <t>ジュウ</t>
    </rPh>
    <rPh sb="3" eb="4">
      <t>セッチ</t>
    </rPh>
    <phoneticPr fontId="7"/>
  </si>
  <si>
    <t>野里14-8</t>
    <rPh sb="0" eb="2">
      <t>ノザト</t>
    </rPh>
    <phoneticPr fontId="7"/>
  </si>
  <si>
    <t>079-284-7800</t>
    <phoneticPr fontId="7"/>
  </si>
  <si>
    <t>信和開発</t>
    <rPh sb="0" eb="1">
      <t>シン</t>
    </rPh>
    <rPh sb="1" eb="2">
      <t>ワ</t>
    </rPh>
    <rPh sb="2" eb="4">
      <t>カイハツ</t>
    </rPh>
    <phoneticPr fontId="5"/>
  </si>
  <si>
    <t>玉手620番地1</t>
    <rPh sb="0" eb="2">
      <t>タマテ</t>
    </rPh>
    <rPh sb="5" eb="6">
      <t>バン</t>
    </rPh>
    <rPh sb="6" eb="7">
      <t>チ</t>
    </rPh>
    <phoneticPr fontId="5"/>
  </si>
  <si>
    <t>079-295-9987</t>
    <phoneticPr fontId="5"/>
  </si>
  <si>
    <t>大吉住研㈱</t>
    <phoneticPr fontId="5"/>
  </si>
  <si>
    <t>夢前町前之庄1987番地の10</t>
    <phoneticPr fontId="5"/>
  </si>
  <si>
    <t>079-336-0236</t>
    <phoneticPr fontId="5"/>
  </si>
  <si>
    <t>テラマエ設備工業㈱</t>
    <rPh sb="4" eb="6">
      <t>セツビ</t>
    </rPh>
    <rPh sb="6" eb="8">
      <t>コウギョウ</t>
    </rPh>
    <phoneticPr fontId="7"/>
  </si>
  <si>
    <t>三左衛門堀東の町14</t>
    <rPh sb="0" eb="5">
      <t>ミザエモンホリ</t>
    </rPh>
    <rPh sb="5" eb="6">
      <t>ヒガシ</t>
    </rPh>
    <rPh sb="7" eb="8">
      <t>マチ</t>
    </rPh>
    <phoneticPr fontId="7"/>
  </si>
  <si>
    <t>079-225-7171</t>
    <phoneticPr fontId="7"/>
  </si>
  <si>
    <t>中井設備</t>
    <rPh sb="0" eb="1">
      <t>ナカイ</t>
    </rPh>
    <rPh sb="1" eb="3">
      <t>セツビ</t>
    </rPh>
    <phoneticPr fontId="5"/>
  </si>
  <si>
    <t>飾東町小原新201-1</t>
    <rPh sb="0" eb="2">
      <t>シキトウ</t>
    </rPh>
    <rPh sb="2" eb="3">
      <t>チョウ</t>
    </rPh>
    <rPh sb="3" eb="5">
      <t>オバラ</t>
    </rPh>
    <rPh sb="5" eb="6">
      <t>シン</t>
    </rPh>
    <phoneticPr fontId="5"/>
  </si>
  <si>
    <t>079-262-0066</t>
    <phoneticPr fontId="5"/>
  </si>
  <si>
    <t>ハリマ設備工業㈱</t>
    <rPh sb="3" eb="5">
      <t>セツビ</t>
    </rPh>
    <rPh sb="5" eb="7">
      <t>コウギョウ</t>
    </rPh>
    <phoneticPr fontId="7"/>
  </si>
  <si>
    <t>網干区大江島101</t>
    <rPh sb="0" eb="2">
      <t>アボシ</t>
    </rPh>
    <rPh sb="2" eb="3">
      <t>ク</t>
    </rPh>
    <rPh sb="3" eb="5">
      <t>オオエ</t>
    </rPh>
    <rPh sb="5" eb="6">
      <t>ジマ</t>
    </rPh>
    <phoneticPr fontId="7"/>
  </si>
  <si>
    <t>079-273-0025</t>
    <phoneticPr fontId="7"/>
  </si>
  <si>
    <t>播水</t>
    <rPh sb="0" eb="1">
      <t>バン</t>
    </rPh>
    <rPh sb="1" eb="2">
      <t>スイ</t>
    </rPh>
    <phoneticPr fontId="7"/>
  </si>
  <si>
    <t>南条2丁目50</t>
    <rPh sb="0" eb="2">
      <t>ナンジョウ</t>
    </rPh>
    <rPh sb="3" eb="5">
      <t>チョウメ</t>
    </rPh>
    <phoneticPr fontId="7"/>
  </si>
  <si>
    <t>079-284-2827</t>
    <phoneticPr fontId="7"/>
  </si>
  <si>
    <t>ヒカリ住設合同会社</t>
    <rPh sb="3" eb="5">
      <t>ジュウセツ</t>
    </rPh>
    <rPh sb="5" eb="9">
      <t>ゴウドウカイシャ</t>
    </rPh>
    <phoneticPr fontId="5"/>
  </si>
  <si>
    <t>姫路市</t>
    <phoneticPr fontId="5"/>
  </si>
  <si>
    <t>大津区天満1219</t>
    <rPh sb="0" eb="4">
      <t>オオツクテンマ</t>
    </rPh>
    <phoneticPr fontId="5"/>
  </si>
  <si>
    <t>079-287-9802</t>
    <phoneticPr fontId="5"/>
  </si>
  <si>
    <t>フジタカ工業㈱</t>
    <phoneticPr fontId="5"/>
  </si>
  <si>
    <t>夢前町古知之庄207-6</t>
    <phoneticPr fontId="5"/>
  </si>
  <si>
    <t>079-336-2585</t>
    <phoneticPr fontId="5"/>
  </si>
  <si>
    <t>藤野設備工業</t>
    <rPh sb="0" eb="1">
      <t>フジ</t>
    </rPh>
    <rPh sb="1" eb="2">
      <t>ノ</t>
    </rPh>
    <rPh sb="2" eb="4">
      <t>セツビ</t>
    </rPh>
    <rPh sb="4" eb="6">
      <t>コウギョウ</t>
    </rPh>
    <phoneticPr fontId="5"/>
  </si>
  <si>
    <t>飾磨区堀川町85-3</t>
    <rPh sb="0" eb="2">
      <t>シカマ</t>
    </rPh>
    <rPh sb="2" eb="3">
      <t>ク</t>
    </rPh>
    <rPh sb="3" eb="5">
      <t>ホリカワ</t>
    </rPh>
    <rPh sb="5" eb="6">
      <t>チョウ</t>
    </rPh>
    <phoneticPr fontId="5"/>
  </si>
  <si>
    <t>079-235-7320</t>
    <phoneticPr fontId="5"/>
  </si>
  <si>
    <t>古川設備</t>
    <rPh sb="0" eb="2">
      <t>フルカワ</t>
    </rPh>
    <rPh sb="2" eb="4">
      <t>セツビ</t>
    </rPh>
    <phoneticPr fontId="7"/>
  </si>
  <si>
    <t>香寺町矢田部629-9</t>
    <rPh sb="0" eb="3">
      <t>コウデラチョウ</t>
    </rPh>
    <rPh sb="3" eb="6">
      <t>ヤタベ</t>
    </rPh>
    <phoneticPr fontId="7"/>
  </si>
  <si>
    <t>079-232-1787</t>
    <phoneticPr fontId="7"/>
  </si>
  <si>
    <t>フレックス</t>
    <phoneticPr fontId="5"/>
  </si>
  <si>
    <t>広畑区西夢前台七丁目72番地</t>
    <phoneticPr fontId="5"/>
  </si>
  <si>
    <t>079-237-4968</t>
    <phoneticPr fontId="5"/>
  </si>
  <si>
    <t>堀田土建</t>
    <rPh sb="0" eb="2">
      <t>ホリタ</t>
    </rPh>
    <rPh sb="2" eb="4">
      <t>ドケン</t>
    </rPh>
    <phoneticPr fontId="7"/>
  </si>
  <si>
    <t>豊富町豊富895-1</t>
    <rPh sb="0" eb="3">
      <t>トヨトミチョウ</t>
    </rPh>
    <rPh sb="3" eb="5">
      <t>トヨトミ</t>
    </rPh>
    <phoneticPr fontId="5"/>
  </si>
  <si>
    <t>079-264-4905</t>
    <phoneticPr fontId="5"/>
  </si>
  <si>
    <t>美樹工業㈱</t>
    <rPh sb="0" eb="2">
      <t>ミキ</t>
    </rPh>
    <rPh sb="2" eb="4">
      <t>コウギョウ</t>
    </rPh>
    <phoneticPr fontId="7"/>
  </si>
  <si>
    <t>北条951-1</t>
    <phoneticPr fontId="7"/>
  </si>
  <si>
    <t>079-281-5151</t>
    <phoneticPr fontId="7"/>
  </si>
  <si>
    <t>三菱電機ｻｰﾋﾞｽｼｽﾃﾑ㈱姫路ｻｰﾋﾞｽｽﾃｰｼｮﾝ</t>
    <rPh sb="0" eb="2">
      <t>ミツビシ</t>
    </rPh>
    <rPh sb="2" eb="4">
      <t>デンキ</t>
    </rPh>
    <rPh sb="14" eb="16">
      <t>ヒメジ</t>
    </rPh>
    <phoneticPr fontId="5"/>
  </si>
  <si>
    <t>白浜町宇佐崎中2-576</t>
    <rPh sb="0" eb="2">
      <t>シラハマ</t>
    </rPh>
    <rPh sb="2" eb="3">
      <t>チョウ</t>
    </rPh>
    <rPh sb="3" eb="5">
      <t>ウサ</t>
    </rPh>
    <rPh sb="5" eb="6">
      <t>ザキ</t>
    </rPh>
    <rPh sb="6" eb="7">
      <t>ナカ</t>
    </rPh>
    <phoneticPr fontId="5"/>
  </si>
  <si>
    <t>079-246-7480</t>
    <phoneticPr fontId="5"/>
  </si>
  <si>
    <t>ヤマサ設備工業㈱</t>
    <rPh sb="3" eb="5">
      <t>セツビ</t>
    </rPh>
    <rPh sb="5" eb="7">
      <t>コウギョウ</t>
    </rPh>
    <phoneticPr fontId="7"/>
  </si>
  <si>
    <t>網干区和久387-5</t>
    <rPh sb="0" eb="2">
      <t>アボシ</t>
    </rPh>
    <rPh sb="2" eb="3">
      <t>ク</t>
    </rPh>
    <rPh sb="3" eb="4">
      <t>ワ</t>
    </rPh>
    <rPh sb="4" eb="5">
      <t>キュウ</t>
    </rPh>
    <phoneticPr fontId="7"/>
  </si>
  <si>
    <t>079-273-5011</t>
    <phoneticPr fontId="7"/>
  </si>
  <si>
    <t>和田㈱</t>
    <rPh sb="0" eb="2">
      <t>ワダ</t>
    </rPh>
    <phoneticPr fontId="7"/>
  </si>
  <si>
    <t>姫路市</t>
    <rPh sb="0" eb="2">
      <t>ヒメジ</t>
    </rPh>
    <rPh sb="2" eb="3">
      <t>シ</t>
    </rPh>
    <phoneticPr fontId="7"/>
  </si>
  <si>
    <t>別所町北宿946-1</t>
    <rPh sb="0" eb="2">
      <t>ベッショ</t>
    </rPh>
    <rPh sb="2" eb="3">
      <t>チョウ</t>
    </rPh>
    <rPh sb="3" eb="4">
      <t>キタ</t>
    </rPh>
    <rPh sb="4" eb="5">
      <t>ヤド</t>
    </rPh>
    <phoneticPr fontId="7"/>
  </si>
  <si>
    <t>079-252-1849</t>
    <phoneticPr fontId="7"/>
  </si>
  <si>
    <t>三木市</t>
    <rPh sb="0" eb="2">
      <t>ミキ</t>
    </rPh>
    <rPh sb="2" eb="3">
      <t>シ</t>
    </rPh>
    <phoneticPr fontId="5"/>
  </si>
  <si>
    <t>設備サービス</t>
    <phoneticPr fontId="5"/>
  </si>
  <si>
    <t>三木市</t>
    <rPh sb="0" eb="3">
      <t>ミキシ</t>
    </rPh>
    <phoneticPr fontId="7"/>
  </si>
  <si>
    <t>跡部265-1</t>
    <phoneticPr fontId="5"/>
  </si>
  <si>
    <t>0794-86-6663</t>
    <phoneticPr fontId="5"/>
  </si>
  <si>
    <t>久野水道㈱</t>
    <rPh sb="0" eb="2">
      <t>ヒサノ</t>
    </rPh>
    <rPh sb="2" eb="4">
      <t>スイドウ</t>
    </rPh>
    <phoneticPr fontId="7"/>
  </si>
  <si>
    <t>別所町高木40-1</t>
    <rPh sb="0" eb="2">
      <t>ベッショ</t>
    </rPh>
    <rPh sb="2" eb="3">
      <t>チョウ</t>
    </rPh>
    <rPh sb="3" eb="5">
      <t>タカギ</t>
    </rPh>
    <phoneticPr fontId="7"/>
  </si>
  <si>
    <t>0794-82-2153</t>
    <phoneticPr fontId="7"/>
  </si>
  <si>
    <t>リノベイト設備</t>
    <rPh sb="5" eb="7">
      <t>セツビ</t>
    </rPh>
    <phoneticPr fontId="7"/>
  </si>
  <si>
    <t>緑が丘町中2丁目2-20</t>
    <rPh sb="0" eb="1">
      <t>ミドリ</t>
    </rPh>
    <rPh sb="2" eb="4">
      <t>オカマチ</t>
    </rPh>
    <rPh sb="4" eb="5">
      <t>チュウ</t>
    </rPh>
    <rPh sb="6" eb="8">
      <t>チョウメ</t>
    </rPh>
    <phoneticPr fontId="7"/>
  </si>
  <si>
    <t>0794-85-5762</t>
    <phoneticPr fontId="7"/>
  </si>
  <si>
    <t>大阪府</t>
    <rPh sb="0" eb="3">
      <t>オオサカフ</t>
    </rPh>
    <phoneticPr fontId="5"/>
  </si>
  <si>
    <t>イースマイル</t>
    <phoneticPr fontId="5"/>
  </si>
  <si>
    <t>大阪市</t>
    <rPh sb="0" eb="3">
      <t>オオサカシ</t>
    </rPh>
    <phoneticPr fontId="5"/>
  </si>
  <si>
    <t>中央区瓦屋町3-7-3 ｲｰｽﾏｲﾙﾋﾞﾙ</t>
    <rPh sb="0" eb="2">
      <t>チュウオウ</t>
    </rPh>
    <rPh sb="2" eb="3">
      <t>ク</t>
    </rPh>
    <rPh sb="3" eb="5">
      <t>カワラヤ</t>
    </rPh>
    <rPh sb="5" eb="6">
      <t>チョウ</t>
    </rPh>
    <phoneticPr fontId="5"/>
  </si>
  <si>
    <t>06-7739-2525</t>
    <phoneticPr fontId="5"/>
  </si>
  <si>
    <t>K's Corporation</t>
    <phoneticPr fontId="5"/>
  </si>
  <si>
    <t>大阪市</t>
  </si>
  <si>
    <t>東淀川区東中島1-17-18</t>
    <phoneticPr fontId="5"/>
  </si>
  <si>
    <t>06-6990-1524</t>
  </si>
  <si>
    <t>クリーンライフ</t>
    <phoneticPr fontId="5"/>
  </si>
  <si>
    <t>吹田市</t>
    <rPh sb="0" eb="3">
      <t>スイタシ</t>
    </rPh>
    <phoneticPr fontId="5"/>
  </si>
  <si>
    <t>広芝町6-10</t>
    <rPh sb="0" eb="3">
      <t>ヒロシバチョウ</t>
    </rPh>
    <phoneticPr fontId="5"/>
  </si>
  <si>
    <t>06-6821-6133</t>
    <phoneticPr fontId="5"/>
  </si>
  <si>
    <t>シンエイ</t>
    <phoneticPr fontId="5"/>
  </si>
  <si>
    <t>中央区谷町2-4-3ｱｲｴｽﾋﾞﾙ9F</t>
    <rPh sb="0" eb="5">
      <t>チュウオウクタニマチ</t>
    </rPh>
    <phoneticPr fontId="5"/>
  </si>
  <si>
    <t>06-6944-7797</t>
    <phoneticPr fontId="5"/>
  </si>
  <si>
    <t>水協</t>
    <rPh sb="0" eb="1">
      <t>ミズ</t>
    </rPh>
    <rPh sb="1" eb="2">
      <t>キョウ</t>
    </rPh>
    <phoneticPr fontId="5"/>
  </si>
  <si>
    <t>天王寺区東高津町3-29-201</t>
    <phoneticPr fontId="5"/>
  </si>
  <si>
    <t>06-4305-7414</t>
    <phoneticPr fontId="5"/>
  </si>
  <si>
    <t>スローフォワード</t>
    <phoneticPr fontId="5"/>
  </si>
  <si>
    <t>東大阪市</t>
  </si>
  <si>
    <t>若江東町2-7 3-901</t>
    <rPh sb="0" eb="4">
      <t>ワカエヒガシマチ</t>
    </rPh>
    <phoneticPr fontId="7"/>
  </si>
  <si>
    <t>06-4306-3144</t>
    <phoneticPr fontId="5"/>
  </si>
  <si>
    <t>Mavericks</t>
    <phoneticPr fontId="5"/>
  </si>
  <si>
    <t>松原市</t>
    <rPh sb="0" eb="2">
      <t>マツバラ</t>
    </rPh>
    <rPh sb="2" eb="3">
      <t>シ</t>
    </rPh>
    <phoneticPr fontId="5"/>
  </si>
  <si>
    <t>岡2-4-22</t>
    <phoneticPr fontId="5"/>
  </si>
  <si>
    <t>072-349-2551</t>
    <phoneticPr fontId="5"/>
  </si>
  <si>
    <t>岡山県</t>
    <rPh sb="0" eb="3">
      <t>オカヤマケン</t>
    </rPh>
    <phoneticPr fontId="5"/>
  </si>
  <si>
    <t>PULSES COMPANY</t>
    <phoneticPr fontId="5"/>
  </si>
  <si>
    <t>岡山県</t>
    <rPh sb="0" eb="3">
      <t>オカヤマケン</t>
    </rPh>
    <phoneticPr fontId="7"/>
  </si>
  <si>
    <t>岡山市中区湊260番地3</t>
    <rPh sb="0" eb="3">
      <t>オカヤマシ</t>
    </rPh>
    <rPh sb="3" eb="5">
      <t>ナカク</t>
    </rPh>
    <rPh sb="5" eb="6">
      <t>ミナト</t>
    </rPh>
    <rPh sb="9" eb="11">
      <t>バンチ</t>
    </rPh>
    <phoneticPr fontId="7"/>
  </si>
  <si>
    <t>090-5393-7989</t>
    <phoneticPr fontId="5"/>
  </si>
  <si>
    <t>広島県</t>
    <rPh sb="0" eb="2">
      <t>ヒロシマ</t>
    </rPh>
    <rPh sb="2" eb="3">
      <t>ケン</t>
    </rPh>
    <phoneticPr fontId="5"/>
  </si>
  <si>
    <t>アクアライン</t>
    <phoneticPr fontId="5"/>
  </si>
  <si>
    <t>広島市中区上八丁堀8番8号第1ｳｴﾉﾔﾋﾞﾙ6Ｆ</t>
    <rPh sb="0" eb="3">
      <t>ヒロシマシ</t>
    </rPh>
    <rPh sb="3" eb="5">
      <t>ナカク</t>
    </rPh>
    <rPh sb="5" eb="6">
      <t>カミ</t>
    </rPh>
    <rPh sb="6" eb="9">
      <t>ハッチョウボリ</t>
    </rPh>
    <rPh sb="10" eb="11">
      <t>バン</t>
    </rPh>
    <rPh sb="12" eb="13">
      <t>ゴウ</t>
    </rPh>
    <rPh sb="13" eb="14">
      <t>ダイ</t>
    </rPh>
    <phoneticPr fontId="5"/>
  </si>
  <si>
    <t>082-502-6644</t>
    <phoneticPr fontId="5"/>
  </si>
  <si>
    <t>N-Vision</t>
    <phoneticPr fontId="5"/>
  </si>
  <si>
    <t>広島市中区鶴見町8-57</t>
    <rPh sb="0" eb="2">
      <t>ヒロシマシ</t>
    </rPh>
    <rPh sb="2" eb="3">
      <t>シ</t>
    </rPh>
    <rPh sb="3" eb="4">
      <t>ナカ</t>
    </rPh>
    <rPh sb="4" eb="5">
      <t>ク</t>
    </rPh>
    <rPh sb="5" eb="7">
      <t>ツルミ</t>
    </rPh>
    <rPh sb="7" eb="8">
      <t>チョウ</t>
    </rPh>
    <phoneticPr fontId="5"/>
  </si>
  <si>
    <t>082-275-5227</t>
    <phoneticPr fontId="5"/>
  </si>
  <si>
    <t>赤穂市</t>
    <rPh sb="0" eb="3">
      <t>アコウシ</t>
    </rPh>
    <phoneticPr fontId="3"/>
  </si>
  <si>
    <t>富士工業所</t>
    <phoneticPr fontId="3"/>
  </si>
  <si>
    <t>赤穂市</t>
    <rPh sb="0" eb="3">
      <t>アコウシ</t>
    </rPh>
    <phoneticPr fontId="7"/>
  </si>
  <si>
    <t>北野中136番地の1</t>
    <rPh sb="0" eb="2">
      <t>キタノ</t>
    </rPh>
    <rPh sb="2" eb="3">
      <t>ナカ</t>
    </rPh>
    <rPh sb="6" eb="8">
      <t>バンチ</t>
    </rPh>
    <phoneticPr fontId="7"/>
  </si>
  <si>
    <t>0791-48-7838</t>
    <phoneticPr fontId="7"/>
  </si>
  <si>
    <t>青山北1丁目2番17号</t>
    <rPh sb="0" eb="2">
      <t>アオヤマ</t>
    </rPh>
    <rPh sb="2" eb="3">
      <t>キタ</t>
    </rPh>
    <rPh sb="4" eb="6">
      <t>チョウメ</t>
    </rPh>
    <rPh sb="7" eb="8">
      <t>バン</t>
    </rPh>
    <rPh sb="10" eb="11">
      <t>ゴウ</t>
    </rPh>
    <phoneticPr fontId="7"/>
  </si>
  <si>
    <t>079-679-2842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&quot;社&quot;"/>
  </numFmts>
  <fonts count="18" x14ac:knownFonts="1">
    <font>
      <sz val="11"/>
      <color theme="1"/>
      <name val="游ゴシック"/>
      <family val="2"/>
      <charset val="128"/>
      <scheme val="minor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18"/>
      <name val="ＭＳ ゴシック"/>
      <family val="3"/>
      <charset val="128"/>
    </font>
    <font>
      <sz val="7"/>
      <name val="ＭＳ 明朝"/>
      <family val="1"/>
      <charset val="128"/>
    </font>
    <font>
      <b/>
      <sz val="18"/>
      <name val="ＭＳ ゴシック"/>
      <family val="3"/>
      <charset val="128"/>
    </font>
    <font>
      <sz val="7"/>
      <name val="ＭＳ Ｐ明朝"/>
      <family val="1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b/>
      <sz val="16"/>
      <color rgb="FFFF0000"/>
      <name val="ＭＳ ゴシック"/>
      <family val="3"/>
      <charset val="128"/>
    </font>
    <font>
      <b/>
      <u/>
      <sz val="16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4"/>
      <color rgb="FFFF0000"/>
      <name val="ＭＳ ゴシック"/>
      <family val="3"/>
      <charset val="128"/>
    </font>
    <font>
      <sz val="11"/>
      <color rgb="FFC0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4">
    <xf numFmtId="0" fontId="0" fillId="0" borderId="0">
      <alignment vertical="center"/>
    </xf>
    <xf numFmtId="0" fontId="1" fillId="0" borderId="0"/>
    <xf numFmtId="0" fontId="1" fillId="0" borderId="0"/>
    <xf numFmtId="0" fontId="13" fillId="0" borderId="0"/>
  </cellStyleXfs>
  <cellXfs count="86">
    <xf numFmtId="0" fontId="0" fillId="0" borderId="0" xfId="0">
      <alignment vertical="center"/>
    </xf>
    <xf numFmtId="0" fontId="2" fillId="0" borderId="0" xfId="1" applyFont="1"/>
    <xf numFmtId="0" fontId="6" fillId="0" borderId="0" xfId="1" applyFont="1" applyAlignment="1">
      <alignment horizontal="center"/>
    </xf>
    <xf numFmtId="0" fontId="6" fillId="0" borderId="0" xfId="1" applyFont="1"/>
    <xf numFmtId="0" fontId="8" fillId="0" borderId="0" xfId="1" applyFont="1" applyAlignment="1">
      <alignment shrinkToFit="1"/>
    </xf>
    <xf numFmtId="0" fontId="6" fillId="0" borderId="0" xfId="1" applyFont="1" applyAlignment="1">
      <alignment horizontal="left"/>
    </xf>
    <xf numFmtId="0" fontId="8" fillId="0" borderId="0" xfId="1" quotePrefix="1" applyFont="1" applyAlignment="1">
      <alignment horizontal="right"/>
    </xf>
    <xf numFmtId="0" fontId="9" fillId="0" borderId="1" xfId="2" applyFont="1" applyBorder="1" applyAlignment="1">
      <alignment horizontal="center" vertical="center"/>
    </xf>
    <xf numFmtId="0" fontId="10" fillId="0" borderId="0" xfId="1" applyFont="1" applyAlignment="1">
      <alignment vertical="top"/>
    </xf>
    <xf numFmtId="0" fontId="11" fillId="2" borderId="4" xfId="2" applyFont="1" applyFill="1" applyBorder="1" applyAlignment="1">
      <alignment horizontal="centerContinuous"/>
    </xf>
    <xf numFmtId="0" fontId="11" fillId="2" borderId="5" xfId="1" applyFont="1" applyFill="1" applyBorder="1" applyAlignment="1">
      <alignment horizontal="centerContinuous"/>
    </xf>
    <xf numFmtId="0" fontId="11" fillId="2" borderId="5" xfId="1" applyFont="1" applyFill="1" applyBorder="1" applyAlignment="1">
      <alignment horizontal="left"/>
    </xf>
    <xf numFmtId="0" fontId="11" fillId="2" borderId="5" xfId="1" applyFont="1" applyFill="1" applyBorder="1"/>
    <xf numFmtId="0" fontId="11" fillId="2" borderId="6" xfId="1" applyFont="1" applyFill="1" applyBorder="1" applyAlignment="1">
      <alignment horizontal="center"/>
    </xf>
    <xf numFmtId="0" fontId="12" fillId="0" borderId="2" xfId="1" applyFont="1" applyBorder="1" applyAlignment="1">
      <alignment horizontal="center"/>
    </xf>
    <xf numFmtId="0" fontId="12" fillId="0" borderId="3" xfId="2" quotePrefix="1" applyFont="1" applyBorder="1" applyAlignment="1">
      <alignment horizontal="left" shrinkToFit="1"/>
    </xf>
    <xf numFmtId="0" fontId="12" fillId="0" borderId="7" xfId="2" applyFont="1" applyBorder="1" applyAlignment="1">
      <alignment horizontal="left"/>
    </xf>
    <xf numFmtId="0" fontId="12" fillId="0" borderId="1" xfId="2" quotePrefix="1" applyFont="1" applyBorder="1" applyAlignment="1">
      <alignment horizontal="center"/>
    </xf>
    <xf numFmtId="49" fontId="14" fillId="0" borderId="0" xfId="3" applyNumberFormat="1" applyFont="1"/>
    <xf numFmtId="0" fontId="12" fillId="0" borderId="3" xfId="2" applyFont="1" applyBorder="1" applyAlignment="1">
      <alignment shrinkToFit="1"/>
    </xf>
    <xf numFmtId="0" fontId="12" fillId="0" borderId="2" xfId="2" applyFont="1" applyBorder="1" applyAlignment="1">
      <alignment horizontal="left"/>
    </xf>
    <xf numFmtId="0" fontId="12" fillId="0" borderId="3" xfId="2" applyFont="1" applyBorder="1" applyAlignment="1">
      <alignment horizontal="left" shrinkToFit="1"/>
    </xf>
    <xf numFmtId="0" fontId="15" fillId="0" borderId="2" xfId="1" applyFont="1" applyBorder="1" applyAlignment="1">
      <alignment horizontal="center"/>
    </xf>
    <xf numFmtId="0" fontId="15" fillId="0" borderId="3" xfId="2" applyFont="1" applyBorder="1" applyAlignment="1">
      <alignment horizontal="left" shrinkToFit="1"/>
    </xf>
    <xf numFmtId="0" fontId="12" fillId="0" borderId="1" xfId="2" applyFont="1" applyBorder="1" applyAlignment="1">
      <alignment horizontal="center"/>
    </xf>
    <xf numFmtId="0" fontId="12" fillId="0" borderId="3" xfId="1" applyFont="1" applyBorder="1" applyAlignment="1">
      <alignment shrinkToFit="1"/>
    </xf>
    <xf numFmtId="0" fontId="12" fillId="0" borderId="7" xfId="1" applyFont="1" applyBorder="1" applyAlignment="1">
      <alignment horizontal="left"/>
    </xf>
    <xf numFmtId="0" fontId="12" fillId="0" borderId="3" xfId="1" quotePrefix="1" applyFont="1" applyBorder="1" applyAlignment="1">
      <alignment horizontal="left" shrinkToFit="1"/>
    </xf>
    <xf numFmtId="0" fontId="12" fillId="0" borderId="1" xfId="1" applyFont="1" applyBorder="1" applyAlignment="1">
      <alignment horizontal="center"/>
    </xf>
    <xf numFmtId="0" fontId="11" fillId="2" borderId="2" xfId="2" applyFont="1" applyFill="1" applyBorder="1" applyAlignment="1">
      <alignment horizontal="centerContinuous"/>
    </xf>
    <xf numFmtId="0" fontId="11" fillId="2" borderId="7" xfId="1" applyFont="1" applyFill="1" applyBorder="1" applyAlignment="1">
      <alignment horizontal="centerContinuous"/>
    </xf>
    <xf numFmtId="0" fontId="11" fillId="2" borderId="7" xfId="1" applyFont="1" applyFill="1" applyBorder="1" applyAlignment="1">
      <alignment horizontal="left"/>
    </xf>
    <xf numFmtId="0" fontId="11" fillId="2" borderId="7" xfId="1" applyFont="1" applyFill="1" applyBorder="1"/>
    <xf numFmtId="0" fontId="11" fillId="2" borderId="3" xfId="1" applyFont="1" applyFill="1" applyBorder="1" applyAlignment="1">
      <alignment horizontal="center"/>
    </xf>
    <xf numFmtId="0" fontId="12" fillId="0" borderId="2" xfId="1" applyFont="1" applyBorder="1"/>
    <xf numFmtId="49" fontId="12" fillId="0" borderId="1" xfId="3" applyNumberFormat="1" applyFont="1" applyBorder="1" applyAlignment="1">
      <alignment horizontal="center"/>
    </xf>
    <xf numFmtId="0" fontId="12" fillId="0" borderId="2" xfId="1" quotePrefix="1" applyFont="1" applyBorder="1" applyAlignment="1">
      <alignment horizontal="center"/>
    </xf>
    <xf numFmtId="0" fontId="12" fillId="0" borderId="3" xfId="2" quotePrefix="1" applyFont="1" applyBorder="1" applyAlignment="1">
      <alignment horizontal="center"/>
    </xf>
    <xf numFmtId="0" fontId="11" fillId="2" borderId="7" xfId="2" applyFont="1" applyFill="1" applyBorder="1" applyAlignment="1">
      <alignment horizontal="centerContinuous"/>
    </xf>
    <xf numFmtId="0" fontId="11" fillId="2" borderId="7" xfId="2" applyFont="1" applyFill="1" applyBorder="1" applyAlignment="1">
      <alignment horizontal="left"/>
    </xf>
    <xf numFmtId="0" fontId="11" fillId="2" borderId="7" xfId="2" applyFont="1" applyFill="1" applyBorder="1"/>
    <xf numFmtId="0" fontId="11" fillId="2" borderId="3" xfId="2" applyFont="1" applyFill="1" applyBorder="1" applyAlignment="1">
      <alignment horizontal="center"/>
    </xf>
    <xf numFmtId="0" fontId="12" fillId="0" borderId="1" xfId="1" quotePrefix="1" applyFont="1" applyBorder="1" applyAlignment="1">
      <alignment horizontal="center"/>
    </xf>
    <xf numFmtId="0" fontId="15" fillId="0" borderId="3" xfId="2" applyFont="1" applyBorder="1" applyAlignment="1">
      <alignment shrinkToFit="1"/>
    </xf>
    <xf numFmtId="0" fontId="11" fillId="0" borderId="2" xfId="2" applyFont="1" applyBorder="1"/>
    <xf numFmtId="0" fontId="12" fillId="0" borderId="3" xfId="2" applyFont="1" applyBorder="1" applyAlignment="1">
      <alignment horizontal="left"/>
    </xf>
    <xf numFmtId="0" fontId="12" fillId="0" borderId="3" xfId="2" applyFont="1" applyBorder="1" applyAlignment="1">
      <alignment horizontal="center"/>
    </xf>
    <xf numFmtId="0" fontId="12" fillId="0" borderId="7" xfId="2" applyFont="1" applyBorder="1" applyAlignment="1">
      <alignment horizontal="left" shrinkToFit="1"/>
    </xf>
    <xf numFmtId="0" fontId="12" fillId="0" borderId="7" xfId="2" applyFont="1" applyBorder="1" applyAlignment="1">
      <alignment shrinkToFit="1"/>
    </xf>
    <xf numFmtId="0" fontId="15" fillId="0" borderId="3" xfId="1" applyFont="1" applyBorder="1"/>
    <xf numFmtId="0" fontId="12" fillId="3" borderId="1" xfId="1" applyFont="1" applyFill="1" applyBorder="1" applyAlignment="1">
      <alignment horizontal="center"/>
    </xf>
    <xf numFmtId="0" fontId="12" fillId="0" borderId="2" xfId="2" applyFont="1" applyBorder="1" applyAlignment="1">
      <alignment horizontal="center"/>
    </xf>
    <xf numFmtId="0" fontId="12" fillId="0" borderId="3" xfId="2" applyFont="1" applyBorder="1"/>
    <xf numFmtId="0" fontId="12" fillId="0" borderId="3" xfId="1" applyFont="1" applyBorder="1"/>
    <xf numFmtId="0" fontId="12" fillId="0" borderId="2" xfId="1" applyFont="1" applyBorder="1" applyAlignment="1">
      <alignment horizontal="left"/>
    </xf>
    <xf numFmtId="49" fontId="2" fillId="0" borderId="0" xfId="1" applyNumberFormat="1" applyFont="1"/>
    <xf numFmtId="0" fontId="12" fillId="2" borderId="7" xfId="1" applyFont="1" applyFill="1" applyBorder="1" applyAlignment="1">
      <alignment horizontal="centerContinuous" shrinkToFit="1"/>
    </xf>
    <xf numFmtId="0" fontId="12" fillId="2" borderId="7" xfId="1" applyFont="1" applyFill="1" applyBorder="1" applyAlignment="1">
      <alignment horizontal="left"/>
    </xf>
    <xf numFmtId="0" fontId="12" fillId="2" borderId="7" xfId="1" applyFont="1" applyFill="1" applyBorder="1" applyAlignment="1">
      <alignment shrinkToFit="1"/>
    </xf>
    <xf numFmtId="0" fontId="12" fillId="2" borderId="3" xfId="1" applyFont="1" applyFill="1" applyBorder="1" applyAlignment="1">
      <alignment horizontal="center"/>
    </xf>
    <xf numFmtId="0" fontId="12" fillId="0" borderId="7" xfId="1" applyFont="1" applyBorder="1" applyAlignment="1">
      <alignment shrinkToFit="1"/>
    </xf>
    <xf numFmtId="0" fontId="15" fillId="0" borderId="1" xfId="1" applyFont="1" applyBorder="1" applyAlignment="1">
      <alignment horizontal="center"/>
    </xf>
    <xf numFmtId="0" fontId="11" fillId="0" borderId="2" xfId="2" applyFont="1" applyBorder="1" applyAlignment="1">
      <alignment horizontal="center"/>
    </xf>
    <xf numFmtId="0" fontId="12" fillId="0" borderId="3" xfId="2" quotePrefix="1" applyFont="1" applyBorder="1" applyAlignment="1">
      <alignment horizontal="left"/>
    </xf>
    <xf numFmtId="0" fontId="12" fillId="3" borderId="3" xfId="2" applyFont="1" applyFill="1" applyBorder="1" applyAlignment="1">
      <alignment horizontal="left" shrinkToFit="1"/>
    </xf>
    <xf numFmtId="0" fontId="12" fillId="3" borderId="1" xfId="2" applyFont="1" applyFill="1" applyBorder="1" applyAlignment="1">
      <alignment horizontal="center"/>
    </xf>
    <xf numFmtId="0" fontId="12" fillId="0" borderId="3" xfId="1" applyFont="1" applyBorder="1" applyAlignment="1">
      <alignment horizontal="center"/>
    </xf>
    <xf numFmtId="0" fontId="12" fillId="0" borderId="3" xfId="1" applyFont="1" applyBorder="1" applyAlignment="1">
      <alignment horizontal="left"/>
    </xf>
    <xf numFmtId="0" fontId="12" fillId="0" borderId="3" xfId="1" applyFont="1" applyBorder="1" applyAlignment="1">
      <alignment horizontal="left" shrinkToFit="1"/>
    </xf>
    <xf numFmtId="0" fontId="12" fillId="0" borderId="8" xfId="1" applyFont="1" applyBorder="1" applyAlignment="1">
      <alignment horizontal="center"/>
    </xf>
    <xf numFmtId="0" fontId="11" fillId="0" borderId="2" xfId="2" applyFont="1" applyBorder="1" applyAlignment="1">
      <alignment horizontal="centerContinuous"/>
    </xf>
    <xf numFmtId="0" fontId="12" fillId="0" borderId="7" xfId="2" applyFont="1" applyBorder="1"/>
    <xf numFmtId="0" fontId="12" fillId="0" borderId="7" xfId="1" applyFont="1" applyBorder="1"/>
    <xf numFmtId="0" fontId="16" fillId="0" borderId="0" xfId="1" applyFont="1"/>
    <xf numFmtId="0" fontId="17" fillId="0" borderId="0" xfId="1" applyFont="1"/>
    <xf numFmtId="0" fontId="2" fillId="0" borderId="0" xfId="1" applyFont="1" applyAlignment="1">
      <alignment horizontal="left"/>
    </xf>
    <xf numFmtId="176" fontId="9" fillId="0" borderId="0" xfId="1" applyNumberFormat="1" applyFont="1" applyAlignment="1">
      <alignment horizontal="right"/>
    </xf>
    <xf numFmtId="0" fontId="2" fillId="0" borderId="0" xfId="1" applyFont="1" applyAlignment="1">
      <alignment shrinkToFit="1"/>
    </xf>
    <xf numFmtId="0" fontId="2" fillId="0" borderId="0" xfId="1" applyFont="1" applyAlignment="1">
      <alignment horizontal="center"/>
    </xf>
    <xf numFmtId="0" fontId="11" fillId="2" borderId="2" xfId="2" applyFont="1" applyFill="1" applyBorder="1" applyAlignment="1">
      <alignment horizontal="center"/>
    </xf>
    <xf numFmtId="0" fontId="11" fillId="2" borderId="7" xfId="2" applyFont="1" applyFill="1" applyBorder="1" applyAlignment="1">
      <alignment horizontal="center"/>
    </xf>
    <xf numFmtId="0" fontId="4" fillId="0" borderId="0" xfId="1" applyFont="1" applyAlignment="1">
      <alignment horizontal="center" vertical="center"/>
    </xf>
    <xf numFmtId="0" fontId="6" fillId="0" borderId="0" xfId="1" applyFont="1" applyAlignment="1">
      <alignment horizontal="center"/>
    </xf>
    <xf numFmtId="0" fontId="9" fillId="0" borderId="1" xfId="2" quotePrefix="1" applyFont="1" applyBorder="1" applyAlignment="1">
      <alignment horizontal="center" vertical="center" shrinkToFit="1"/>
    </xf>
    <xf numFmtId="0" fontId="9" fillId="0" borderId="2" xfId="2" quotePrefix="1" applyFont="1" applyBorder="1" applyAlignment="1">
      <alignment horizontal="center" vertical="center"/>
    </xf>
    <xf numFmtId="0" fontId="9" fillId="0" borderId="3" xfId="2" quotePrefix="1" applyFont="1" applyBorder="1" applyAlignment="1">
      <alignment horizontal="center" vertical="center"/>
    </xf>
  </cellXfs>
  <cellStyles count="4">
    <cellStyle name="標準" xfId="0" builtinId="0"/>
    <cellStyle name="標準 2" xfId="1" xr:uid="{A74198CB-2EC4-4956-8C36-A83CF9632AFA}"/>
    <cellStyle name="標準_Sheet1" xfId="3" xr:uid="{B16296FF-DA6E-4487-944E-594D0FEEDF5F}"/>
    <cellStyle name="標準_Sheet1_1" xfId="2" xr:uid="{E0747547-8BED-46D1-841C-9818B137E41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1181100</xdr:colOff>
      <xdr:row>13</xdr:row>
      <xdr:rowOff>28575</xdr:rowOff>
    </xdr:from>
    <xdr:to>
      <xdr:col>3</xdr:col>
      <xdr:colOff>1272540</xdr:colOff>
      <xdr:row>14</xdr:row>
      <xdr:rowOff>0</xdr:rowOff>
    </xdr:to>
    <xdr:sp macro="" textlink="">
      <xdr:nvSpPr>
        <xdr:cNvPr id="2" name="Text Box 5">
          <a:extLst>
            <a:ext uri="{FF2B5EF4-FFF2-40B4-BE49-F238E27FC236}">
              <a16:creationId xmlns:a16="http://schemas.microsoft.com/office/drawing/2014/main" id="{8FB2CBDC-3ACF-4530-8A01-B4009151C69D}"/>
            </a:ext>
          </a:extLst>
        </xdr:cNvPr>
        <xdr:cNvSpPr txBox="1">
          <a:spLocks noChangeArrowheads="1"/>
        </xdr:cNvSpPr>
      </xdr:nvSpPr>
      <xdr:spPr bwMode="auto">
        <a:xfrm>
          <a:off x="5172075" y="4017645"/>
          <a:ext cx="95250" cy="25908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71575</xdr:colOff>
      <xdr:row>44</xdr:row>
      <xdr:rowOff>76200</xdr:rowOff>
    </xdr:from>
    <xdr:to>
      <xdr:col>3</xdr:col>
      <xdr:colOff>1276350</xdr:colOff>
      <xdr:row>45</xdr:row>
      <xdr:rowOff>57150</xdr:rowOff>
    </xdr:to>
    <xdr:sp macro="" textlink="">
      <xdr:nvSpPr>
        <xdr:cNvPr id="3" name="Text Box 6">
          <a:extLst>
            <a:ext uri="{FF2B5EF4-FFF2-40B4-BE49-F238E27FC236}">
              <a16:creationId xmlns:a16="http://schemas.microsoft.com/office/drawing/2014/main" id="{EB34E033-1E09-4807-A7DF-63B76193D9FE}"/>
            </a:ext>
          </a:extLst>
        </xdr:cNvPr>
        <xdr:cNvSpPr txBox="1">
          <a:spLocks noChangeArrowheads="1"/>
        </xdr:cNvSpPr>
      </xdr:nvSpPr>
      <xdr:spPr bwMode="auto">
        <a:xfrm>
          <a:off x="5160645" y="12925425"/>
          <a:ext cx="102870" cy="2628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3</xdr:col>
      <xdr:colOff>1171575</xdr:colOff>
      <xdr:row>48</xdr:row>
      <xdr:rowOff>76200</xdr:rowOff>
    </xdr:from>
    <xdr:to>
      <xdr:col>3</xdr:col>
      <xdr:colOff>1276350</xdr:colOff>
      <xdr:row>49</xdr:row>
      <xdr:rowOff>57150</xdr:rowOff>
    </xdr:to>
    <xdr:sp macro="" textlink="">
      <xdr:nvSpPr>
        <xdr:cNvPr id="4" name="Text Box 7">
          <a:extLst>
            <a:ext uri="{FF2B5EF4-FFF2-40B4-BE49-F238E27FC236}">
              <a16:creationId xmlns:a16="http://schemas.microsoft.com/office/drawing/2014/main" id="{1EAEF288-D075-40FC-8942-98E5FEE18860}"/>
            </a:ext>
          </a:extLst>
        </xdr:cNvPr>
        <xdr:cNvSpPr txBox="1">
          <a:spLocks noChangeArrowheads="1"/>
        </xdr:cNvSpPr>
      </xdr:nvSpPr>
      <xdr:spPr bwMode="auto">
        <a:xfrm>
          <a:off x="5160645" y="14068425"/>
          <a:ext cx="102870" cy="26289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10.58\&#19978;&#19979;&#27700;&#36947;&#35506;\3040%20&#19979;&#27700;&#36947;&#35506;\&#19979;&#27700;&#36947;\&#19979;&#27700;&#26045;&#35373;&#20418;\&#25490;&#27700;&#35373;&#20633;&#26989;&#32773;\&#25351;&#23450;&#24037;&#20107;&#24215;&#12289;&#36012;&#20219;&#25216;&#34899;&#32773;\R2\&#25216;&#34899;&#32773;&#12288;&#26356;&#26032;\&#24037;&#20107;&#24215;&#12539;&#25216;&#34899;&#32773;&#19968;&#35239;&#34920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3030%20&#19978;&#27700;&#36947;\&#25351;&#23450;&#24215;&#38306;&#20418;(&#21517;&#31807;&#12289;&#30003;&#35531;&#27096;&#24335;)\&#25351;&#23450;&#24037;&#20107;&#24215;&#26356;&#26032;&#38306;&#36899;%20R02(2020)&#65374;\R02(2020)0930%20&#24066;&#26356;&#26032;\&#26356;&#26032;&#24215;&#65432;&#65405;&#65412;%20R02(&#65423;&#65400;&#65435;&#26377;&#21177;).xlsm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172.16.10.58\&#19978;&#19979;&#27700;&#36947;&#35506;\30%20&#27700;&#36947;\&#25351;&#23450;&#24215;&#38306;&#20418;(&#21517;&#31807;&#12289;&#30003;&#35531;&#27096;&#24335;)\&#25351;&#23450;&#26989;&#32773;&#21517;&#31807;&#65288;&#20844;&#34920;&#12522;&#12473;&#12488;&#27096;&#24335;&#12354;&#12426;&#65289;&#10103;.xlsm" TargetMode="External"/><Relationship Id="rId1" Type="http://schemas.openxmlformats.org/officeDocument/2006/relationships/externalLinkPath" Target="file:///\\172.16.10.58\&#19978;&#19979;&#27700;&#36947;&#35506;\30%20&#27700;&#36947;\&#25351;&#23450;&#24215;&#38306;&#20418;(&#21517;&#31807;&#12289;&#30003;&#35531;&#27096;&#24335;)\&#25351;&#23450;&#26989;&#32773;&#21517;&#31807;&#65288;&#20844;&#34920;&#12522;&#12473;&#12488;&#27096;&#24335;&#12354;&#12426;&#65289;&#10103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店名簿"/>
      <sheetName val="技術者名簿"/>
      <sheetName val="技術者期間"/>
      <sheetName val="工事店検索"/>
      <sheetName val="技術者検索"/>
      <sheetName val="更新納入通知書（責任技術者）"/>
      <sheetName val="更新納入通知書（指定工事店）"/>
      <sheetName val="更新登録用納入通知書"/>
      <sheetName val="有効期限切れ_H210416"/>
      <sheetName val="H2110取消"/>
      <sheetName val="H2204取消"/>
      <sheetName val="H2210取消"/>
      <sheetName val="H2304取消"/>
      <sheetName val="H2404取消"/>
      <sheetName val="H2504取消"/>
      <sheetName val="H2604取消"/>
      <sheetName val="H2704取消"/>
      <sheetName val="Ｈ2904取消"/>
      <sheetName val="Ｈ3004取消"/>
      <sheetName val="H3104取消"/>
      <sheetName val="R204取消"/>
      <sheetName val="工事店 行別"/>
    </sheetNames>
    <sheetDataSet>
      <sheetData sheetId="0">
        <row r="2">
          <cell r="B2">
            <v>1</v>
          </cell>
          <cell r="C2" t="str">
            <v>有限会社朝盛設備工業</v>
          </cell>
          <cell r="D2" t="str">
            <v>志方一晃</v>
          </cell>
          <cell r="E2" t="str">
            <v>取消</v>
          </cell>
          <cell r="F2">
            <v>42095</v>
          </cell>
          <cell r="G2">
            <v>36617</v>
          </cell>
          <cell r="H2">
            <v>6790105</v>
          </cell>
          <cell r="I2" t="str">
            <v>加西市朝妻町575番地</v>
          </cell>
          <cell r="J2" t="str">
            <v>0790-47-0422</v>
          </cell>
          <cell r="K2" t="str">
            <v>0790-47-0606</v>
          </cell>
          <cell r="L2" t="str">
            <v>R2.03　更新手続きなし</v>
          </cell>
          <cell r="M2"/>
          <cell r="N2"/>
        </row>
        <row r="3">
          <cell r="B3">
            <v>2</v>
          </cell>
          <cell r="C3" t="str">
            <v>橋爪電機株式会社</v>
          </cell>
          <cell r="D3" t="str">
            <v>橋爪重憲</v>
          </cell>
          <cell r="E3">
            <v>45747</v>
          </cell>
          <cell r="F3">
            <v>43922</v>
          </cell>
          <cell r="G3">
            <v>36617</v>
          </cell>
          <cell r="H3">
            <v>6752102</v>
          </cell>
          <cell r="I3" t="str">
            <v>加西市中野町1635番地の5</v>
          </cell>
          <cell r="J3" t="str">
            <v>0790-49-0109</v>
          </cell>
          <cell r="K3" t="str">
            <v>0790-49-1707</v>
          </cell>
          <cell r="L3"/>
          <cell r="M3"/>
          <cell r="N3"/>
        </row>
        <row r="4">
          <cell r="B4"/>
          <cell r="C4"/>
          <cell r="D4"/>
          <cell r="E4"/>
          <cell r="F4"/>
          <cell r="G4"/>
          <cell r="H4"/>
          <cell r="I4"/>
          <cell r="J4"/>
          <cell r="K4"/>
          <cell r="L4"/>
          <cell r="M4"/>
          <cell r="N4"/>
        </row>
        <row r="5">
          <cell r="B5">
            <v>3</v>
          </cell>
          <cell r="C5" t="str">
            <v>そごう電器株式会社</v>
          </cell>
          <cell r="D5" t="str">
            <v>十河利夫</v>
          </cell>
          <cell r="E5" t="str">
            <v>取消</v>
          </cell>
          <cell r="F5">
            <v>40269</v>
          </cell>
          <cell r="G5">
            <v>36617</v>
          </cell>
          <cell r="H5">
            <v>6752312</v>
          </cell>
          <cell r="I5" t="str">
            <v>加西市北条町北条951番地</v>
          </cell>
          <cell r="J5" t="str">
            <v>0790-42-0235</v>
          </cell>
          <cell r="K5" t="str">
            <v>0790-42-4908</v>
          </cell>
          <cell r="L5" t="str">
            <v>H250731 辞退届け提出</v>
          </cell>
          <cell r="M5"/>
          <cell r="N5"/>
        </row>
        <row r="6">
          <cell r="B6">
            <v>4</v>
          </cell>
          <cell r="C6" t="str">
            <v>㈱前田電機水道所</v>
          </cell>
          <cell r="D6" t="str">
            <v>前田秀信</v>
          </cell>
          <cell r="E6" t="str">
            <v>取消</v>
          </cell>
          <cell r="F6">
            <v>36617</v>
          </cell>
          <cell r="G6">
            <v>36617</v>
          </cell>
          <cell r="H6">
            <v>6752213</v>
          </cell>
          <cell r="I6" t="str">
            <v>加西市西笠原町172-13</v>
          </cell>
          <cell r="J6"/>
          <cell r="K6"/>
          <cell r="L6" t="str">
            <v>H2109 責任技術者不在</v>
          </cell>
          <cell r="M6"/>
          <cell r="N6"/>
        </row>
        <row r="7">
          <cell r="B7">
            <v>5</v>
          </cell>
          <cell r="C7" t="str">
            <v>藤本住宅設備</v>
          </cell>
          <cell r="D7" t="str">
            <v>藤本良博</v>
          </cell>
          <cell r="E7">
            <v>43921</v>
          </cell>
          <cell r="F7">
            <v>42095</v>
          </cell>
          <cell r="G7">
            <v>36617</v>
          </cell>
          <cell r="H7">
            <v>6752426</v>
          </cell>
          <cell r="I7" t="str">
            <v>加西市西野々町120-1</v>
          </cell>
          <cell r="J7" t="str">
            <v>0790-45-1314</v>
          </cell>
          <cell r="K7" t="str">
            <v>0790-45-1314</v>
          </cell>
          <cell r="L7" t="str">
            <v>R1.09　更新手続きなし</v>
          </cell>
          <cell r="M7"/>
          <cell r="N7"/>
        </row>
        <row r="8">
          <cell r="B8">
            <v>6</v>
          </cell>
          <cell r="C8" t="str">
            <v>株式会社森本工業所</v>
          </cell>
          <cell r="D8" t="str">
            <v>森本秀道</v>
          </cell>
          <cell r="E8">
            <v>45747</v>
          </cell>
          <cell r="F8">
            <v>43922</v>
          </cell>
          <cell r="G8">
            <v>36617</v>
          </cell>
          <cell r="H8">
            <v>6752423</v>
          </cell>
          <cell r="I8" t="str">
            <v>加西市和泉町689番地の1</v>
          </cell>
          <cell r="J8" t="str">
            <v>0790-45-0058</v>
          </cell>
          <cell r="K8" t="str">
            <v>0790-45-1482</v>
          </cell>
          <cell r="L8"/>
          <cell r="M8"/>
          <cell r="N8"/>
        </row>
        <row r="9">
          <cell r="B9">
            <v>7</v>
          </cell>
          <cell r="C9" t="str">
            <v>石野電気商会</v>
          </cell>
          <cell r="D9" t="str">
            <v>石野太</v>
          </cell>
          <cell r="E9">
            <v>45747</v>
          </cell>
          <cell r="F9">
            <v>43922</v>
          </cell>
          <cell r="G9">
            <v>36617</v>
          </cell>
          <cell r="H9">
            <v>6752366</v>
          </cell>
          <cell r="I9" t="str">
            <v>加西市西谷町9-1</v>
          </cell>
          <cell r="J9" t="str">
            <v>0790-42-2181</v>
          </cell>
          <cell r="K9" t="str">
            <v>0790-43-1007</v>
          </cell>
          <cell r="L9"/>
          <cell r="M9"/>
          <cell r="N9"/>
        </row>
        <row r="10">
          <cell r="B10"/>
          <cell r="C10"/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</row>
        <row r="11">
          <cell r="B11">
            <v>8</v>
          </cell>
          <cell r="C11" t="str">
            <v>アート建設株式会社</v>
          </cell>
          <cell r="D11" t="str">
            <v>内藤定一</v>
          </cell>
          <cell r="E11" t="str">
            <v>取消</v>
          </cell>
          <cell r="F11">
            <v>40269</v>
          </cell>
          <cell r="G11">
            <v>36617</v>
          </cell>
          <cell r="H11">
            <v>6752303</v>
          </cell>
          <cell r="I11" t="str">
            <v>加西市北条町古坂1047番地の1</v>
          </cell>
          <cell r="J11" t="str">
            <v>0790-42-3911</v>
          </cell>
          <cell r="K11" t="str">
            <v>0790-42-4591</v>
          </cell>
          <cell r="L11" t="str">
            <v>Ｈ2609　責任技術者不在
H2703   辞退届提出</v>
          </cell>
          <cell r="M11"/>
          <cell r="N11"/>
        </row>
        <row r="12">
          <cell r="B12">
            <v>9</v>
          </cell>
          <cell r="C12" t="str">
            <v>高井電気商会</v>
          </cell>
          <cell r="D12" t="str">
            <v>高井脩二</v>
          </cell>
          <cell r="E12" t="str">
            <v>取消</v>
          </cell>
          <cell r="F12">
            <v>40269</v>
          </cell>
          <cell r="G12">
            <v>36617</v>
          </cell>
          <cell r="H12">
            <v>6752311</v>
          </cell>
          <cell r="I12" t="str">
            <v>加西市北条町横尾56-1</v>
          </cell>
          <cell r="J12" t="str">
            <v>0790-42-2264</v>
          </cell>
          <cell r="K12" t="str">
            <v>0790-42-2264</v>
          </cell>
          <cell r="L12" t="str">
            <v>Ｈ2609　責任技術者不在
H2703   更新手続きなし</v>
          </cell>
          <cell r="M12"/>
          <cell r="N12"/>
        </row>
        <row r="13">
          <cell r="B13">
            <v>10</v>
          </cell>
          <cell r="C13" t="str">
            <v>有限会社ナカウ電化センター</v>
          </cell>
          <cell r="D13" t="str">
            <v>中右義明</v>
          </cell>
          <cell r="E13">
            <v>45747</v>
          </cell>
          <cell r="F13">
            <v>43922</v>
          </cell>
          <cell r="G13">
            <v>36617</v>
          </cell>
          <cell r="H13">
            <v>6752312</v>
          </cell>
          <cell r="I13" t="str">
            <v>加西市北条町北条11番地の7</v>
          </cell>
          <cell r="J13" t="str">
            <v>0790-42-0608</v>
          </cell>
          <cell r="K13" t="str">
            <v>0790-42-2802</v>
          </cell>
          <cell r="L13"/>
          <cell r="M13"/>
          <cell r="N13"/>
        </row>
        <row r="14">
          <cell r="B14"/>
          <cell r="C14"/>
          <cell r="D14"/>
          <cell r="E14"/>
          <cell r="F14"/>
          <cell r="G14"/>
          <cell r="H14"/>
          <cell r="I14"/>
          <cell r="J14"/>
          <cell r="K14"/>
          <cell r="L14"/>
          <cell r="M14"/>
          <cell r="N14"/>
        </row>
        <row r="15">
          <cell r="B15"/>
          <cell r="C15"/>
          <cell r="D15"/>
          <cell r="E15"/>
          <cell r="F15"/>
          <cell r="G15"/>
          <cell r="H15"/>
          <cell r="I15"/>
          <cell r="J15"/>
          <cell r="K15"/>
          <cell r="L15"/>
          <cell r="M15"/>
          <cell r="N15"/>
        </row>
        <row r="16">
          <cell r="B16">
            <v>11</v>
          </cell>
          <cell r="C16" t="str">
            <v>イイダセツビ株式会社</v>
          </cell>
          <cell r="D16" t="str">
            <v>谷田亮太</v>
          </cell>
          <cell r="E16">
            <v>45747</v>
          </cell>
          <cell r="F16">
            <v>43922</v>
          </cell>
          <cell r="G16">
            <v>36617</v>
          </cell>
          <cell r="H16">
            <v>6752366</v>
          </cell>
          <cell r="I16" t="str">
            <v>加西市西谷町512番地</v>
          </cell>
          <cell r="J16" t="str">
            <v>0790-42-3241</v>
          </cell>
          <cell r="K16" t="str">
            <v>0790-42-3367</v>
          </cell>
          <cell r="L16"/>
          <cell r="M16"/>
          <cell r="N16"/>
        </row>
        <row r="17">
          <cell r="B17"/>
          <cell r="C17"/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</row>
        <row r="18">
          <cell r="B18"/>
          <cell r="C18"/>
          <cell r="D18"/>
          <cell r="E18"/>
          <cell r="F18"/>
          <cell r="G18"/>
          <cell r="H18"/>
          <cell r="I18"/>
          <cell r="J18"/>
          <cell r="K18"/>
          <cell r="L18"/>
          <cell r="M18"/>
          <cell r="N18"/>
        </row>
        <row r="19">
          <cell r="B19"/>
          <cell r="C19"/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</row>
        <row r="20">
          <cell r="B20">
            <v>12</v>
          </cell>
          <cell r="C20" t="str">
            <v>冨嶋電建㈲</v>
          </cell>
          <cell r="D20" t="str">
            <v>冨島善弘</v>
          </cell>
          <cell r="E20" t="str">
            <v>取消</v>
          </cell>
          <cell r="F20">
            <v>36617</v>
          </cell>
          <cell r="G20">
            <v>36617</v>
          </cell>
          <cell r="H20">
            <v>6752102</v>
          </cell>
          <cell r="I20" t="str">
            <v>加西市中野町53-4</v>
          </cell>
          <cell r="J20"/>
          <cell r="K20"/>
          <cell r="L20" t="str">
            <v>Ｈ2203 更新手続きなし</v>
          </cell>
          <cell r="M20"/>
          <cell r="N20"/>
        </row>
        <row r="21">
          <cell r="B21">
            <v>13</v>
          </cell>
          <cell r="C21" t="str">
            <v>株式会社アキタ</v>
          </cell>
          <cell r="D21" t="str">
            <v>澤中章博</v>
          </cell>
          <cell r="E21">
            <v>45747</v>
          </cell>
          <cell r="F21">
            <v>43922</v>
          </cell>
          <cell r="G21">
            <v>36617</v>
          </cell>
          <cell r="H21">
            <v>6752105</v>
          </cell>
          <cell r="I21" t="str">
            <v>加西市下宮木町578番地の1</v>
          </cell>
          <cell r="J21" t="str">
            <v>0790-49-0399</v>
          </cell>
          <cell r="K21" t="str">
            <v>0790-49-1465</v>
          </cell>
          <cell r="L21"/>
          <cell r="M21"/>
          <cell r="N21"/>
        </row>
        <row r="22">
          <cell r="B22">
            <v>14</v>
          </cell>
          <cell r="C22" t="str">
            <v>神田電化ハウス</v>
          </cell>
          <cell r="D22" t="str">
            <v>神田賢一</v>
          </cell>
          <cell r="E22">
            <v>45747</v>
          </cell>
          <cell r="F22">
            <v>43922</v>
          </cell>
          <cell r="G22">
            <v>36617</v>
          </cell>
          <cell r="H22">
            <v>6752445</v>
          </cell>
          <cell r="I22" t="str">
            <v>加西市殿原町276-3</v>
          </cell>
          <cell r="J22" t="str">
            <v>0790-44-0117</v>
          </cell>
          <cell r="K22" t="str">
            <v>0790-44-0611</v>
          </cell>
          <cell r="L22"/>
          <cell r="M22"/>
          <cell r="N22"/>
        </row>
        <row r="23">
          <cell r="B23">
            <v>15</v>
          </cell>
          <cell r="C23" t="str">
            <v>桂電機㈱</v>
          </cell>
          <cell r="D23" t="str">
            <v>桂宜秋</v>
          </cell>
          <cell r="E23" t="str">
            <v>取消</v>
          </cell>
          <cell r="F23">
            <v>36617</v>
          </cell>
          <cell r="G23">
            <v>36617</v>
          </cell>
          <cell r="H23">
            <v>6752303</v>
          </cell>
          <cell r="I23" t="str">
            <v>加西市北条町古坂１丁目77-1</v>
          </cell>
          <cell r="J23"/>
          <cell r="K23"/>
          <cell r="L23" t="str">
            <v>Ｈ2203 更新手続きなし</v>
          </cell>
          <cell r="M23"/>
          <cell r="N23"/>
        </row>
        <row r="24">
          <cell r="B24">
            <v>16</v>
          </cell>
          <cell r="C24" t="str">
            <v>菅原設備有限会社</v>
          </cell>
          <cell r="D24" t="str">
            <v>菅原洋一</v>
          </cell>
          <cell r="E24">
            <v>45747</v>
          </cell>
          <cell r="F24">
            <v>43922</v>
          </cell>
          <cell r="G24">
            <v>36617</v>
          </cell>
          <cell r="H24">
            <v>6752313</v>
          </cell>
          <cell r="I24" t="str">
            <v>加西市北条町黒駒253番地</v>
          </cell>
          <cell r="J24" t="str">
            <v>0790-42-2738</v>
          </cell>
          <cell r="K24" t="str">
            <v>0790-42-5220</v>
          </cell>
          <cell r="L24"/>
          <cell r="M24"/>
          <cell r="N24"/>
        </row>
        <row r="25">
          <cell r="B25">
            <v>17</v>
          </cell>
          <cell r="C25" t="str">
            <v>アトム工業株式会社</v>
          </cell>
          <cell r="D25" t="str">
            <v>柏原文敏</v>
          </cell>
          <cell r="E25" t="str">
            <v>取消</v>
          </cell>
          <cell r="F25">
            <v>40269</v>
          </cell>
          <cell r="G25">
            <v>36617</v>
          </cell>
          <cell r="H25">
            <v>6752351</v>
          </cell>
          <cell r="I25" t="str">
            <v>加西市福居町352番地</v>
          </cell>
          <cell r="J25" t="str">
            <v>0790-42-0088</v>
          </cell>
          <cell r="K25" t="str">
            <v>0790-42-2700</v>
          </cell>
          <cell r="L25" t="str">
            <v>Ｈ2609　責任技術者不在
H2703   更新手続きなし</v>
          </cell>
          <cell r="M25"/>
          <cell r="N25"/>
        </row>
        <row r="26">
          <cell r="B26">
            <v>18</v>
          </cell>
          <cell r="C26" t="str">
            <v>山崎電気商会</v>
          </cell>
          <cell r="D26" t="str">
            <v>山崎寛</v>
          </cell>
          <cell r="E26" t="str">
            <v>取消</v>
          </cell>
          <cell r="F26">
            <v>40269</v>
          </cell>
          <cell r="G26">
            <v>36617</v>
          </cell>
          <cell r="H26">
            <v>6752333</v>
          </cell>
          <cell r="I26" t="str">
            <v>加西市岸呂町548</v>
          </cell>
          <cell r="J26" t="str">
            <v>0790-46-0552</v>
          </cell>
          <cell r="K26" t="str">
            <v>0790-46-0552</v>
          </cell>
          <cell r="L26" t="str">
            <v>Ｈ2609　責任技術者不在
H2703   更新手続きなし</v>
          </cell>
          <cell r="M26"/>
          <cell r="N26"/>
        </row>
        <row r="27">
          <cell r="B27">
            <v>19</v>
          </cell>
          <cell r="C27" t="str">
            <v>吉位水道</v>
          </cell>
          <cell r="D27" t="str">
            <v>吉位満博</v>
          </cell>
          <cell r="E27" t="str">
            <v>取消</v>
          </cell>
          <cell r="F27">
            <v>36617</v>
          </cell>
          <cell r="G27">
            <v>36617</v>
          </cell>
          <cell r="H27">
            <v>6752321</v>
          </cell>
          <cell r="I27" t="str">
            <v>加西市北条町東高室28</v>
          </cell>
          <cell r="J27"/>
          <cell r="K27"/>
          <cell r="L27" t="str">
            <v>Ｈ2203 更新手続きなし</v>
          </cell>
          <cell r="M27"/>
          <cell r="N27"/>
        </row>
        <row r="28">
          <cell r="B28">
            <v>20</v>
          </cell>
          <cell r="C28" t="str">
            <v>コバヤシ工事</v>
          </cell>
          <cell r="D28" t="str">
            <v>小林豊</v>
          </cell>
          <cell r="E28" t="str">
            <v>取消</v>
          </cell>
          <cell r="F28">
            <v>40269</v>
          </cell>
          <cell r="G28">
            <v>36617</v>
          </cell>
          <cell r="H28">
            <v>6752312</v>
          </cell>
          <cell r="I28" t="str">
            <v>加西市北条町北条417-1</v>
          </cell>
          <cell r="J28" t="str">
            <v>0790-48-4021</v>
          </cell>
          <cell r="K28" t="str">
            <v>0790-48-4021</v>
          </cell>
          <cell r="L28" t="str">
            <v>Ｈ2609　責任技術者不在
H2703   更新手続きなし</v>
          </cell>
          <cell r="M28"/>
          <cell r="N28"/>
        </row>
        <row r="29">
          <cell r="B29">
            <v>21</v>
          </cell>
          <cell r="C29" t="str">
            <v>松田ポンプ店</v>
          </cell>
          <cell r="D29" t="str">
            <v>松田善博</v>
          </cell>
          <cell r="E29" t="str">
            <v>取消</v>
          </cell>
          <cell r="F29">
            <v>36617</v>
          </cell>
          <cell r="G29">
            <v>36617</v>
          </cell>
          <cell r="H29">
            <v>6752312</v>
          </cell>
          <cell r="I29" t="str">
            <v>加西市北条町北条141-12</v>
          </cell>
          <cell r="J29"/>
          <cell r="K29"/>
          <cell r="L29" t="str">
            <v>H2109 責任技術者不在</v>
          </cell>
          <cell r="M29"/>
          <cell r="N29"/>
        </row>
        <row r="30">
          <cell r="B30">
            <v>22</v>
          </cell>
          <cell r="C30" t="str">
            <v>有限会社谷川設備</v>
          </cell>
          <cell r="D30" t="str">
            <v>谷川賢次</v>
          </cell>
          <cell r="E30">
            <v>45747</v>
          </cell>
          <cell r="F30">
            <v>43922</v>
          </cell>
          <cell r="G30">
            <v>36617</v>
          </cell>
          <cell r="H30">
            <v>6752423</v>
          </cell>
          <cell r="I30" t="str">
            <v>加西市和泉町699番地</v>
          </cell>
          <cell r="J30" t="str">
            <v>0790-45-2555</v>
          </cell>
          <cell r="K30" t="str">
            <v>0790-45-2444</v>
          </cell>
          <cell r="L30"/>
          <cell r="M30"/>
          <cell r="N30"/>
        </row>
        <row r="31">
          <cell r="B31">
            <v>23</v>
          </cell>
          <cell r="C31" t="str">
            <v>浅見ｴﾝｼﾞﾆｱﾘﾝｸﾞ株式会社</v>
          </cell>
          <cell r="D31" t="str">
            <v>浅見克己</v>
          </cell>
          <cell r="E31">
            <v>45747</v>
          </cell>
          <cell r="F31">
            <v>43922</v>
          </cell>
          <cell r="G31">
            <v>36617</v>
          </cell>
          <cell r="H31">
            <v>6752223</v>
          </cell>
          <cell r="I31" t="str">
            <v>加西市三口町1265番地の1</v>
          </cell>
          <cell r="J31" t="str">
            <v>0790-48-2953</v>
          </cell>
          <cell r="K31" t="str">
            <v>0790-48-4027</v>
          </cell>
          <cell r="L31"/>
          <cell r="M31"/>
          <cell r="N31"/>
        </row>
        <row r="32">
          <cell r="B32">
            <v>24</v>
          </cell>
          <cell r="C32" t="str">
            <v>新生電機</v>
          </cell>
          <cell r="D32" t="str">
            <v>廣田孝佳</v>
          </cell>
          <cell r="E32" t="str">
            <v>取消</v>
          </cell>
          <cell r="F32">
            <v>36617</v>
          </cell>
          <cell r="G32">
            <v>36617</v>
          </cell>
          <cell r="H32">
            <v>6752312</v>
          </cell>
          <cell r="I32" t="str">
            <v>加西市北条町北条350-3</v>
          </cell>
          <cell r="J32"/>
          <cell r="K32"/>
          <cell r="L32" t="str">
            <v>H2109 責任技術者不在</v>
          </cell>
          <cell r="M32"/>
          <cell r="N32"/>
        </row>
        <row r="33">
          <cell r="B33">
            <v>25</v>
          </cell>
          <cell r="C33" t="str">
            <v>㈱北条設備工業</v>
          </cell>
          <cell r="D33" t="str">
            <v>菅原貢</v>
          </cell>
          <cell r="E33" t="str">
            <v>取消</v>
          </cell>
          <cell r="F33">
            <v>36617</v>
          </cell>
          <cell r="G33">
            <v>36617</v>
          </cell>
          <cell r="H33">
            <v>6752313</v>
          </cell>
          <cell r="I33" t="str">
            <v>加西市北条町黒駒301-4</v>
          </cell>
          <cell r="J33"/>
          <cell r="K33"/>
          <cell r="L33" t="str">
            <v>H2109 責任技術者不在</v>
          </cell>
          <cell r="M33"/>
          <cell r="N33"/>
        </row>
        <row r="34">
          <cell r="B34">
            <v>26</v>
          </cell>
          <cell r="C34" t="str">
            <v>ヤマモト水設</v>
          </cell>
          <cell r="D34" t="str">
            <v>山本健三</v>
          </cell>
          <cell r="E34" t="str">
            <v>取消</v>
          </cell>
          <cell r="F34">
            <v>42095</v>
          </cell>
          <cell r="G34">
            <v>36617</v>
          </cell>
          <cell r="H34">
            <v>6752311</v>
          </cell>
          <cell r="I34" t="str">
            <v>加西市北条町横尾716-1</v>
          </cell>
          <cell r="J34" t="str">
            <v>0790-42-4164</v>
          </cell>
          <cell r="K34" t="str">
            <v>0790-42-4164</v>
          </cell>
          <cell r="L34" t="str">
            <v>R1.09　更新手続きなし</v>
          </cell>
          <cell r="M34"/>
          <cell r="N34"/>
        </row>
        <row r="35">
          <cell r="B35">
            <v>27</v>
          </cell>
          <cell r="C35" t="str">
            <v>三協建設㈱</v>
          </cell>
          <cell r="D35" t="str">
            <v>山本一弘</v>
          </cell>
          <cell r="E35" t="str">
            <v>取消</v>
          </cell>
          <cell r="F35">
            <v>36617</v>
          </cell>
          <cell r="G35">
            <v>36617</v>
          </cell>
          <cell r="H35">
            <v>6752342</v>
          </cell>
          <cell r="I35" t="str">
            <v>加西市西長町1089-60</v>
          </cell>
          <cell r="J35"/>
          <cell r="K35"/>
          <cell r="L35" t="str">
            <v>H2109 責任技術者不在</v>
          </cell>
          <cell r="M35"/>
          <cell r="N35"/>
        </row>
        <row r="36">
          <cell r="B36">
            <v>28</v>
          </cell>
          <cell r="C36" t="str">
            <v>内藤設備工業所</v>
          </cell>
          <cell r="D36" t="str">
            <v>内藤定信</v>
          </cell>
          <cell r="E36">
            <v>45747</v>
          </cell>
          <cell r="F36">
            <v>43922</v>
          </cell>
          <cell r="G36">
            <v>36617</v>
          </cell>
          <cell r="H36">
            <v>6752311</v>
          </cell>
          <cell r="I36" t="str">
            <v>加西市北条町横尾790番地</v>
          </cell>
          <cell r="J36" t="str">
            <v>0790-43-1295</v>
          </cell>
          <cell r="K36" t="str">
            <v>0790-42-8983</v>
          </cell>
          <cell r="L36"/>
          <cell r="M36"/>
          <cell r="N36"/>
        </row>
        <row r="37">
          <cell r="B37">
            <v>29</v>
          </cell>
          <cell r="C37" t="str">
            <v>株式会社カンキョウ</v>
          </cell>
          <cell r="D37" t="str">
            <v>柳美佐夫</v>
          </cell>
          <cell r="E37">
            <v>45747</v>
          </cell>
          <cell r="F37">
            <v>43922</v>
          </cell>
          <cell r="G37">
            <v>36617</v>
          </cell>
          <cell r="H37">
            <v>6752313</v>
          </cell>
          <cell r="I37" t="str">
            <v>加西市北条町黒駒9番地の1</v>
          </cell>
          <cell r="J37" t="str">
            <v>0790-42-4131</v>
          </cell>
          <cell r="K37" t="str">
            <v>0790-42-4420</v>
          </cell>
          <cell r="L37"/>
          <cell r="M37"/>
          <cell r="N37"/>
        </row>
        <row r="38">
          <cell r="B38"/>
          <cell r="C38"/>
          <cell r="D38"/>
          <cell r="E38"/>
          <cell r="F38"/>
          <cell r="G38"/>
          <cell r="H38"/>
          <cell r="I38"/>
          <cell r="J38"/>
          <cell r="K38"/>
          <cell r="L38"/>
          <cell r="M38"/>
          <cell r="N38"/>
        </row>
        <row r="39">
          <cell r="B39"/>
          <cell r="C39"/>
          <cell r="D39"/>
          <cell r="E39"/>
          <cell r="F39"/>
          <cell r="G39"/>
          <cell r="H39"/>
          <cell r="I39"/>
          <cell r="J39"/>
          <cell r="K39"/>
          <cell r="L39"/>
          <cell r="M39"/>
          <cell r="N39"/>
        </row>
        <row r="40">
          <cell r="B40">
            <v>30</v>
          </cell>
          <cell r="C40" t="str">
            <v>㈲上田住設</v>
          </cell>
          <cell r="D40" t="str">
            <v>上田忠実</v>
          </cell>
          <cell r="E40" t="str">
            <v>取消</v>
          </cell>
          <cell r="F40">
            <v>36617</v>
          </cell>
          <cell r="G40">
            <v>36617</v>
          </cell>
          <cell r="H40">
            <v>6752456</v>
          </cell>
          <cell r="I40" t="str">
            <v>加西市若井町2614-1</v>
          </cell>
          <cell r="J40"/>
          <cell r="K40"/>
          <cell r="L40" t="str">
            <v>Ｈ2203 更新手続きなし</v>
          </cell>
          <cell r="M40"/>
          <cell r="N40"/>
        </row>
        <row r="41">
          <cell r="B41">
            <v>31</v>
          </cell>
          <cell r="C41" t="str">
            <v>マナベ電機</v>
          </cell>
          <cell r="D41" t="str">
            <v>眞鍋輝義</v>
          </cell>
          <cell r="E41">
            <v>45747</v>
          </cell>
          <cell r="F41">
            <v>43922</v>
          </cell>
          <cell r="G41">
            <v>36617</v>
          </cell>
          <cell r="H41">
            <v>6752332</v>
          </cell>
          <cell r="I41" t="str">
            <v>加西市鎮岩町238番地の1</v>
          </cell>
          <cell r="J41" t="str">
            <v>0790-46-0319</v>
          </cell>
          <cell r="K41" t="str">
            <v>0790-46-0319</v>
          </cell>
          <cell r="L41"/>
          <cell r="M41"/>
          <cell r="N41"/>
        </row>
        <row r="42">
          <cell r="B42">
            <v>32</v>
          </cell>
          <cell r="C42" t="str">
            <v>有限会社梶原電器</v>
          </cell>
          <cell r="D42" t="str">
            <v>梶原正美</v>
          </cell>
          <cell r="E42">
            <v>45747</v>
          </cell>
          <cell r="F42">
            <v>43922</v>
          </cell>
          <cell r="G42">
            <v>36617</v>
          </cell>
          <cell r="H42">
            <v>6752445</v>
          </cell>
          <cell r="I42" t="str">
            <v>加西市殿原町826番地</v>
          </cell>
          <cell r="J42" t="str">
            <v>0790-44-0476</v>
          </cell>
          <cell r="K42" t="str">
            <v>0790-44-0476</v>
          </cell>
          <cell r="L42"/>
          <cell r="M42"/>
          <cell r="N42"/>
        </row>
        <row r="43">
          <cell r="B43">
            <v>33</v>
          </cell>
          <cell r="C43" t="str">
            <v>北条無線電機㈱</v>
          </cell>
          <cell r="D43" t="str">
            <v>好井浩</v>
          </cell>
          <cell r="E43" t="str">
            <v>取消</v>
          </cell>
          <cell r="F43">
            <v>36617</v>
          </cell>
          <cell r="G43">
            <v>36617</v>
          </cell>
          <cell r="H43">
            <v>6752312</v>
          </cell>
          <cell r="I43" t="str">
            <v>加西市北条町北条912-3</v>
          </cell>
          <cell r="J43"/>
          <cell r="K43"/>
          <cell r="L43" t="str">
            <v>H2109 責任技術者不在</v>
          </cell>
          <cell r="M43"/>
          <cell r="N43"/>
        </row>
        <row r="44">
          <cell r="B44">
            <v>34</v>
          </cell>
          <cell r="C44" t="str">
            <v>堀江電機</v>
          </cell>
          <cell r="D44" t="str">
            <v>堀江圭一</v>
          </cell>
          <cell r="E44">
            <v>45747</v>
          </cell>
          <cell r="F44">
            <v>43922</v>
          </cell>
          <cell r="G44">
            <v>36617</v>
          </cell>
          <cell r="H44">
            <v>6752434</v>
          </cell>
          <cell r="I44" t="str">
            <v>加西市上野町415-1</v>
          </cell>
          <cell r="J44" t="str">
            <v>0790-44-1108</v>
          </cell>
          <cell r="K44" t="str">
            <v>0790-44-0238</v>
          </cell>
          <cell r="L44"/>
          <cell r="M44"/>
          <cell r="N44"/>
        </row>
        <row r="45">
          <cell r="B45"/>
          <cell r="C45"/>
          <cell r="D45"/>
          <cell r="E45"/>
          <cell r="F45"/>
          <cell r="G45"/>
          <cell r="H45"/>
          <cell r="I45"/>
          <cell r="J45"/>
          <cell r="K45"/>
          <cell r="L45"/>
          <cell r="M45"/>
          <cell r="N45"/>
        </row>
        <row r="46">
          <cell r="B46">
            <v>35</v>
          </cell>
          <cell r="C46" t="str">
            <v>有限会社デルタワーク</v>
          </cell>
          <cell r="D46" t="str">
            <v>芝則史</v>
          </cell>
          <cell r="E46">
            <v>45747</v>
          </cell>
          <cell r="F46">
            <v>43922</v>
          </cell>
          <cell r="G46">
            <v>36617</v>
          </cell>
          <cell r="H46">
            <v>6752223</v>
          </cell>
          <cell r="I46" t="str">
            <v>加西市三口町944番地の1</v>
          </cell>
          <cell r="J46" t="str">
            <v>0790-48-3058</v>
          </cell>
          <cell r="K46" t="str">
            <v>0790-48-3029</v>
          </cell>
          <cell r="L46"/>
          <cell r="M46"/>
          <cell r="N46"/>
        </row>
        <row r="47">
          <cell r="B47"/>
          <cell r="C47"/>
          <cell r="D47"/>
          <cell r="E47"/>
          <cell r="F47"/>
          <cell r="G47"/>
          <cell r="H47"/>
          <cell r="I47"/>
          <cell r="J47"/>
          <cell r="K47"/>
          <cell r="L47"/>
          <cell r="M47"/>
          <cell r="N47"/>
        </row>
        <row r="48">
          <cell r="B48">
            <v>36</v>
          </cell>
          <cell r="C48" t="str">
            <v>有限会社尾上工務店</v>
          </cell>
          <cell r="D48" t="str">
            <v>尾上和彦</v>
          </cell>
          <cell r="E48" t="str">
            <v>取消</v>
          </cell>
          <cell r="F48">
            <v>42095</v>
          </cell>
          <cell r="G48">
            <v>36617</v>
          </cell>
          <cell r="H48">
            <v>6752213</v>
          </cell>
          <cell r="I48" t="str">
            <v>加西市西笠原町157番地</v>
          </cell>
          <cell r="J48" t="str">
            <v>0790-48-2008</v>
          </cell>
          <cell r="K48" t="str">
            <v>0790-48-3236</v>
          </cell>
          <cell r="L48"/>
          <cell r="M48"/>
          <cell r="N48"/>
        </row>
        <row r="49">
          <cell r="B49"/>
          <cell r="C49"/>
          <cell r="D49"/>
          <cell r="E49"/>
          <cell r="F49"/>
          <cell r="G49"/>
          <cell r="H49"/>
          <cell r="I49"/>
          <cell r="J49"/>
          <cell r="K49"/>
          <cell r="L49"/>
          <cell r="M49"/>
          <cell r="N49"/>
        </row>
        <row r="50">
          <cell r="B50">
            <v>37</v>
          </cell>
          <cell r="C50" t="str">
            <v>株式会社河合建設</v>
          </cell>
          <cell r="D50" t="str">
            <v>河合泰生</v>
          </cell>
          <cell r="E50">
            <v>45747</v>
          </cell>
          <cell r="F50">
            <v>43922</v>
          </cell>
          <cell r="G50">
            <v>36617</v>
          </cell>
          <cell r="H50">
            <v>6752303</v>
          </cell>
          <cell r="I50" t="str">
            <v>加西市北条町古坂二丁目30番地</v>
          </cell>
          <cell r="J50" t="str">
            <v>0790-42-4026</v>
          </cell>
          <cell r="K50" t="str">
            <v>0790-42-6478</v>
          </cell>
          <cell r="L50"/>
          <cell r="M50"/>
          <cell r="N50"/>
        </row>
        <row r="51">
          <cell r="B51">
            <v>38</v>
          </cell>
          <cell r="C51" t="str">
            <v>でんきのしかた</v>
          </cell>
          <cell r="D51" t="str">
            <v>志方高明</v>
          </cell>
          <cell r="E51">
            <v>45747</v>
          </cell>
          <cell r="F51">
            <v>43922</v>
          </cell>
          <cell r="G51">
            <v>36617</v>
          </cell>
          <cell r="H51">
            <v>6752445</v>
          </cell>
          <cell r="I51" t="str">
            <v>加西市殿原町411-1</v>
          </cell>
          <cell r="J51" t="str">
            <v>0790-44-0247</v>
          </cell>
          <cell r="K51" t="str">
            <v>0790-44-0718</v>
          </cell>
          <cell r="L51"/>
          <cell r="M51"/>
          <cell r="N51"/>
        </row>
        <row r="52">
          <cell r="B52">
            <v>39</v>
          </cell>
          <cell r="C52" t="str">
            <v>岡田電気商会</v>
          </cell>
          <cell r="D52" t="str">
            <v>岡田和哉</v>
          </cell>
          <cell r="E52">
            <v>45747</v>
          </cell>
          <cell r="F52">
            <v>43922</v>
          </cell>
          <cell r="G52">
            <v>36617</v>
          </cell>
          <cell r="H52">
            <v>6752413</v>
          </cell>
          <cell r="I52" t="str">
            <v>加西市青野町345番地</v>
          </cell>
          <cell r="J52" t="str">
            <v>0790-45-0570</v>
          </cell>
          <cell r="K52" t="str">
            <v>0790-45-0610</v>
          </cell>
          <cell r="L52"/>
          <cell r="M52"/>
          <cell r="N52"/>
        </row>
        <row r="53">
          <cell r="B53"/>
          <cell r="C53"/>
          <cell r="D53"/>
          <cell r="E53"/>
          <cell r="F53"/>
          <cell r="G53"/>
          <cell r="H53"/>
          <cell r="I53"/>
          <cell r="J53"/>
          <cell r="K53"/>
          <cell r="L53"/>
          <cell r="M53"/>
          <cell r="N53"/>
        </row>
        <row r="54">
          <cell r="B54">
            <v>40</v>
          </cell>
          <cell r="C54" t="str">
            <v>株式会社塚前組</v>
          </cell>
          <cell r="D54" t="str">
            <v>塚前義廣</v>
          </cell>
          <cell r="E54" t="str">
            <v>取消</v>
          </cell>
          <cell r="F54">
            <v>42095</v>
          </cell>
          <cell r="G54">
            <v>36617</v>
          </cell>
          <cell r="H54">
            <v>6790106</v>
          </cell>
          <cell r="I54" t="str">
            <v>加西市豊倉町1283番地の13</v>
          </cell>
          <cell r="J54" t="str">
            <v>0790-47-0566</v>
          </cell>
          <cell r="K54" t="str">
            <v>0790-47-0450</v>
          </cell>
          <cell r="L54" t="str">
            <v>R2.9　更新手続きなし</v>
          </cell>
          <cell r="M54"/>
          <cell r="N54"/>
        </row>
        <row r="55">
          <cell r="B55">
            <v>41</v>
          </cell>
          <cell r="C55" t="str">
            <v>株式会社小田工務店</v>
          </cell>
          <cell r="D55" t="str">
            <v>小田浩昭</v>
          </cell>
          <cell r="E55" t="str">
            <v>取消</v>
          </cell>
          <cell r="F55">
            <v>42095</v>
          </cell>
          <cell r="G55">
            <v>36617</v>
          </cell>
          <cell r="H55">
            <v>6752444</v>
          </cell>
          <cell r="I55" t="str">
            <v>加西市鴨谷町1155番地</v>
          </cell>
          <cell r="J55" t="str">
            <v>0790-44-0345</v>
          </cell>
          <cell r="K55" t="str">
            <v>0790-44-0836</v>
          </cell>
          <cell r="L55"/>
          <cell r="M55"/>
          <cell r="N55"/>
        </row>
        <row r="56">
          <cell r="B56">
            <v>42</v>
          </cell>
          <cell r="C56" t="str">
            <v>株式会社ダイセン</v>
          </cell>
          <cell r="D56" t="str">
            <v>塚前みづほ</v>
          </cell>
          <cell r="E56" t="str">
            <v>取消</v>
          </cell>
          <cell r="F56">
            <v>40269</v>
          </cell>
          <cell r="G56">
            <v>36617</v>
          </cell>
          <cell r="H56">
            <v>6752241</v>
          </cell>
          <cell r="I56" t="str">
            <v>加西市段下町60番地の13</v>
          </cell>
          <cell r="J56" t="str">
            <v>0790-48-2063</v>
          </cell>
          <cell r="K56" t="str">
            <v>0790-48-3781</v>
          </cell>
          <cell r="L56" t="str">
            <v>Ｈ2609　責任技術者不在
H2703   更新手続きなし</v>
          </cell>
          <cell r="M56"/>
          <cell r="N56"/>
        </row>
        <row r="57">
          <cell r="B57">
            <v>43</v>
          </cell>
          <cell r="C57" t="str">
            <v>有限会社ﾗｲｽﾞｺｰﾎﾟﾚｰｼｮﾝ</v>
          </cell>
          <cell r="D57" t="str">
            <v>塚前隆一</v>
          </cell>
          <cell r="E57" t="str">
            <v>取消</v>
          </cell>
          <cell r="F57">
            <v>40269</v>
          </cell>
          <cell r="G57">
            <v>36617</v>
          </cell>
          <cell r="H57">
            <v>6752241</v>
          </cell>
          <cell r="I57" t="str">
            <v>加西市段下町45番地の1</v>
          </cell>
          <cell r="J57" t="str">
            <v>0790-48-2771</v>
          </cell>
          <cell r="K57" t="str">
            <v>0790-48-4224</v>
          </cell>
          <cell r="L57" t="str">
            <v>Ｈ2609　責任技術者不在
H2703   更新手続きなし</v>
          </cell>
          <cell r="M57"/>
          <cell r="N57"/>
        </row>
        <row r="58">
          <cell r="B58">
            <v>44</v>
          </cell>
          <cell r="C58" t="str">
            <v>竹内電気株式会社</v>
          </cell>
          <cell r="D58" t="str">
            <v>竹内克彦</v>
          </cell>
          <cell r="E58">
            <v>45747</v>
          </cell>
          <cell r="F58">
            <v>43922</v>
          </cell>
          <cell r="G58">
            <v>36617</v>
          </cell>
          <cell r="H58">
            <v>6752453</v>
          </cell>
          <cell r="I58" t="str">
            <v>加西市上道山町34番地の3、35番地の3</v>
          </cell>
          <cell r="J58" t="str">
            <v>0790-44-1189</v>
          </cell>
          <cell r="K58" t="str">
            <v>0790-44-1330</v>
          </cell>
          <cell r="L58"/>
          <cell r="M58"/>
          <cell r="N58"/>
        </row>
        <row r="59">
          <cell r="B59">
            <v>45</v>
          </cell>
          <cell r="C59" t="str">
            <v>オカベ設備</v>
          </cell>
          <cell r="D59" t="str">
            <v>岡部勉</v>
          </cell>
          <cell r="E59" t="str">
            <v>取消</v>
          </cell>
          <cell r="F59">
            <v>40269</v>
          </cell>
          <cell r="G59">
            <v>36617</v>
          </cell>
          <cell r="H59">
            <v>6752354</v>
          </cell>
          <cell r="I59" t="str">
            <v>加西市山下町276-1</v>
          </cell>
          <cell r="J59" t="str">
            <v>0790-46-1123</v>
          </cell>
          <cell r="K59" t="str">
            <v>0790-46-1123</v>
          </cell>
          <cell r="L59" t="str">
            <v>H2704　責任技術者移動</v>
          </cell>
          <cell r="M59"/>
          <cell r="N59"/>
        </row>
        <row r="60">
          <cell r="B60">
            <v>46</v>
          </cell>
          <cell r="C60" t="str">
            <v>ヴァースト</v>
          </cell>
          <cell r="D60" t="str">
            <v>柳辰彦</v>
          </cell>
          <cell r="E60" t="str">
            <v>取消</v>
          </cell>
          <cell r="F60">
            <v>40269</v>
          </cell>
          <cell r="G60">
            <v>36617</v>
          </cell>
          <cell r="H60">
            <v>6752313</v>
          </cell>
          <cell r="I60" t="str">
            <v>加西市北条町黒駒313-4</v>
          </cell>
          <cell r="J60" t="str">
            <v>0790-42-5468</v>
          </cell>
          <cell r="K60" t="str">
            <v>0790-42-5468</v>
          </cell>
          <cell r="L60" t="str">
            <v>Ｈ2609　責任技術者不在
H2703   更新手続きなし</v>
          </cell>
          <cell r="M60"/>
          <cell r="N60"/>
        </row>
        <row r="61">
          <cell r="B61">
            <v>47</v>
          </cell>
          <cell r="C61" t="str">
            <v>藤城住設㈱</v>
          </cell>
          <cell r="D61" t="str">
            <v>藤城博明</v>
          </cell>
          <cell r="E61" t="str">
            <v>取消</v>
          </cell>
          <cell r="F61">
            <v>36617</v>
          </cell>
          <cell r="G61">
            <v>36617</v>
          </cell>
          <cell r="H61">
            <v>6752104</v>
          </cell>
          <cell r="I61" t="str">
            <v>加西市上宮木町115.116-3</v>
          </cell>
          <cell r="J61"/>
          <cell r="K61"/>
          <cell r="L61" t="str">
            <v>Ｈ2203 更新手続きなし</v>
          </cell>
          <cell r="M61"/>
          <cell r="N61"/>
        </row>
        <row r="62">
          <cell r="B62">
            <v>48</v>
          </cell>
          <cell r="C62" t="str">
            <v>有限会社キヌガサ設備工業</v>
          </cell>
          <cell r="D62" t="str">
            <v>衣笠裕一</v>
          </cell>
          <cell r="E62">
            <v>45747</v>
          </cell>
          <cell r="F62">
            <v>43922</v>
          </cell>
          <cell r="G62">
            <v>36617</v>
          </cell>
          <cell r="H62">
            <v>6752242</v>
          </cell>
          <cell r="I62" t="str">
            <v>加西市尾崎町411番地の2</v>
          </cell>
          <cell r="J62" t="str">
            <v>0790-48-2177</v>
          </cell>
          <cell r="K62" t="str">
            <v>0790-48-3688</v>
          </cell>
          <cell r="L62"/>
          <cell r="M62"/>
          <cell r="N62"/>
        </row>
        <row r="63">
          <cell r="B63">
            <v>49</v>
          </cell>
          <cell r="C63" t="str">
            <v>小東電気㈱</v>
          </cell>
          <cell r="D63" t="str">
            <v>小東敬三郎</v>
          </cell>
          <cell r="E63" t="str">
            <v>取消</v>
          </cell>
          <cell r="F63">
            <v>36617</v>
          </cell>
          <cell r="G63">
            <v>36617</v>
          </cell>
          <cell r="H63">
            <v>6752312</v>
          </cell>
          <cell r="I63" t="str">
            <v>加西市北条町北条137-18</v>
          </cell>
          <cell r="J63"/>
          <cell r="K63"/>
          <cell r="L63" t="str">
            <v>H1703 責任技術者不在</v>
          </cell>
          <cell r="M63"/>
          <cell r="N63"/>
        </row>
        <row r="64">
          <cell r="B64">
            <v>50</v>
          </cell>
          <cell r="C64" t="str">
            <v>甘中設備工業</v>
          </cell>
          <cell r="D64" t="str">
            <v>甘中信作</v>
          </cell>
          <cell r="E64" t="str">
            <v>取消</v>
          </cell>
          <cell r="F64">
            <v>40269</v>
          </cell>
          <cell r="G64">
            <v>36617</v>
          </cell>
          <cell r="H64">
            <v>6752443</v>
          </cell>
          <cell r="I64" t="str">
            <v>加西市笹倉町247-22</v>
          </cell>
          <cell r="J64" t="str">
            <v>0790-44-0814</v>
          </cell>
          <cell r="K64" t="str">
            <v>0790-44-0826</v>
          </cell>
          <cell r="L64" t="str">
            <v>H2703 更新手続きなし</v>
          </cell>
          <cell r="M64"/>
          <cell r="N64"/>
        </row>
        <row r="65">
          <cell r="B65"/>
          <cell r="C65"/>
          <cell r="D65"/>
          <cell r="E65"/>
          <cell r="F65"/>
          <cell r="G65"/>
          <cell r="H65"/>
          <cell r="I65"/>
          <cell r="J65"/>
          <cell r="K65"/>
          <cell r="L65" t="str">
            <v>H2703 更新手続きなし</v>
          </cell>
          <cell r="M65"/>
          <cell r="N65"/>
        </row>
        <row r="66">
          <cell r="B66">
            <v>51</v>
          </cell>
          <cell r="C66" t="str">
            <v>ナカムラ電設株式会社</v>
          </cell>
          <cell r="D66" t="str">
            <v>中村茂</v>
          </cell>
          <cell r="E66">
            <v>45747</v>
          </cell>
          <cell r="F66">
            <v>43922</v>
          </cell>
          <cell r="G66">
            <v>36617</v>
          </cell>
          <cell r="H66">
            <v>6752104</v>
          </cell>
          <cell r="I66" t="str">
            <v>加西市上宮木町387番地の36</v>
          </cell>
          <cell r="J66" t="str">
            <v>0790-49-0249</v>
          </cell>
          <cell r="K66" t="str">
            <v>0790-49-0389</v>
          </cell>
          <cell r="L66"/>
          <cell r="M66"/>
          <cell r="N66"/>
        </row>
        <row r="67">
          <cell r="B67"/>
          <cell r="C67"/>
          <cell r="D67"/>
          <cell r="E67"/>
          <cell r="F67"/>
          <cell r="G67"/>
          <cell r="H67"/>
          <cell r="I67"/>
          <cell r="J67"/>
          <cell r="K67"/>
          <cell r="L67"/>
          <cell r="M67"/>
          <cell r="N67"/>
        </row>
        <row r="68">
          <cell r="B68">
            <v>52</v>
          </cell>
          <cell r="C68" t="str">
            <v>マルヨシ設備</v>
          </cell>
          <cell r="D68" t="str">
            <v>吉位計</v>
          </cell>
          <cell r="E68" t="str">
            <v>取消</v>
          </cell>
          <cell r="F68">
            <v>36617</v>
          </cell>
          <cell r="G68">
            <v>36617</v>
          </cell>
          <cell r="H68">
            <v>6752321</v>
          </cell>
          <cell r="I68" t="str">
            <v>加西市北条町東高室30</v>
          </cell>
          <cell r="J68"/>
          <cell r="K68"/>
          <cell r="L68" t="str">
            <v>H1609 責任技術者不在</v>
          </cell>
          <cell r="M68"/>
          <cell r="N68"/>
        </row>
        <row r="69">
          <cell r="B69">
            <v>53</v>
          </cell>
          <cell r="C69" t="str">
            <v>フクエイハウス</v>
          </cell>
          <cell r="D69" t="str">
            <v>福本俊彦</v>
          </cell>
          <cell r="E69" t="str">
            <v>取消</v>
          </cell>
          <cell r="F69">
            <v>40269</v>
          </cell>
          <cell r="G69">
            <v>36617</v>
          </cell>
          <cell r="H69">
            <v>6752351</v>
          </cell>
          <cell r="I69" t="str">
            <v>加西市野条町261-33</v>
          </cell>
          <cell r="J69" t="str">
            <v>0790-48-4121</v>
          </cell>
          <cell r="K69" t="str">
            <v>0790-48-4121</v>
          </cell>
          <cell r="L69" t="str">
            <v>H2703 更新手続きなし</v>
          </cell>
          <cell r="M69"/>
          <cell r="N69"/>
        </row>
        <row r="70">
          <cell r="B70">
            <v>54</v>
          </cell>
          <cell r="C70" t="str">
            <v>垣内電気</v>
          </cell>
          <cell r="D70" t="str">
            <v>垣内寛</v>
          </cell>
          <cell r="E70" t="str">
            <v>取消</v>
          </cell>
          <cell r="F70">
            <v>42095</v>
          </cell>
          <cell r="G70">
            <v>36617</v>
          </cell>
          <cell r="H70">
            <v>6752361</v>
          </cell>
          <cell r="I70" t="str">
            <v>加西市谷町542-2</v>
          </cell>
          <cell r="J70" t="str">
            <v>0790-43-0205</v>
          </cell>
          <cell r="K70" t="str">
            <v>0790-27-8200</v>
          </cell>
          <cell r="L70" t="str">
            <v>R2.03　更新手続きなし</v>
          </cell>
          <cell r="M70"/>
          <cell r="N70"/>
        </row>
        <row r="71">
          <cell r="B71">
            <v>55</v>
          </cell>
          <cell r="C71" t="str">
            <v>高井建設工業</v>
          </cell>
          <cell r="D71" t="str">
            <v>高井修一</v>
          </cell>
          <cell r="E71">
            <v>45747</v>
          </cell>
          <cell r="F71">
            <v>43922</v>
          </cell>
          <cell r="G71">
            <v>36617</v>
          </cell>
          <cell r="H71">
            <v>6752303</v>
          </cell>
          <cell r="I71" t="str">
            <v>加西市北条町古坂7丁目83番地</v>
          </cell>
          <cell r="J71" t="str">
            <v>0790-42-3773</v>
          </cell>
          <cell r="K71" t="str">
            <v>0790-42-3790</v>
          </cell>
          <cell r="L71"/>
          <cell r="M71"/>
          <cell r="N71"/>
        </row>
        <row r="72">
          <cell r="B72">
            <v>56</v>
          </cell>
          <cell r="C72" t="str">
            <v>アサダ工業株式会社</v>
          </cell>
          <cell r="D72" t="str">
            <v>浅田享兵</v>
          </cell>
          <cell r="E72">
            <v>45747</v>
          </cell>
          <cell r="F72">
            <v>43922</v>
          </cell>
          <cell r="G72">
            <v>36617</v>
          </cell>
          <cell r="H72">
            <v>6752101</v>
          </cell>
          <cell r="I72" t="str">
            <v>加西市繁昌町227番地の1</v>
          </cell>
          <cell r="J72" t="str">
            <v>0790-49-0280</v>
          </cell>
          <cell r="K72" t="str">
            <v>0790-49-2454</v>
          </cell>
          <cell r="L72"/>
          <cell r="M72"/>
          <cell r="N72"/>
        </row>
        <row r="73">
          <cell r="B73"/>
          <cell r="C73"/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</row>
        <row r="74">
          <cell r="B74">
            <v>57</v>
          </cell>
          <cell r="C74" t="str">
            <v>有限会社伸心住設</v>
          </cell>
          <cell r="D74" t="str">
            <v>笹原統美</v>
          </cell>
          <cell r="E74" t="str">
            <v>取消</v>
          </cell>
          <cell r="F74">
            <v>40269</v>
          </cell>
          <cell r="G74">
            <v>36617</v>
          </cell>
          <cell r="H74">
            <v>6700811</v>
          </cell>
          <cell r="I74" t="str">
            <v>姫路市野里14番地の8</v>
          </cell>
          <cell r="J74" t="str">
            <v>079-284-7800</v>
          </cell>
          <cell r="K74" t="str">
            <v>079-284-7870</v>
          </cell>
          <cell r="L74" t="str">
            <v>Ｈ2609　責任技術者不在
H2703   更新手続きなし</v>
          </cell>
          <cell r="M74"/>
          <cell r="N74"/>
        </row>
        <row r="75">
          <cell r="B75">
            <v>58</v>
          </cell>
          <cell r="C75" t="str">
            <v>大西設備工業㈱</v>
          </cell>
          <cell r="D75" t="str">
            <v>大西吉一</v>
          </cell>
          <cell r="E75" t="str">
            <v>取消</v>
          </cell>
          <cell r="F75">
            <v>36617</v>
          </cell>
          <cell r="G75">
            <v>36617</v>
          </cell>
          <cell r="H75">
            <v>6728079</v>
          </cell>
          <cell r="I75" t="str">
            <v>姫路市飾磨区今在家1052-9</v>
          </cell>
          <cell r="J75"/>
          <cell r="K75"/>
          <cell r="L75" t="str">
            <v>H2109 責任技術者不在</v>
          </cell>
          <cell r="M75"/>
          <cell r="N75"/>
        </row>
        <row r="76">
          <cell r="B76">
            <v>59</v>
          </cell>
          <cell r="C76" t="str">
            <v>株式会社藤和ホーム</v>
          </cell>
          <cell r="D76" t="str">
            <v>藤村和宏</v>
          </cell>
          <cell r="E76">
            <v>45747</v>
          </cell>
          <cell r="F76">
            <v>43922</v>
          </cell>
          <cell r="G76">
            <v>36617</v>
          </cell>
          <cell r="H76">
            <v>6770052</v>
          </cell>
          <cell r="I76" t="str">
            <v>西脇市和田町564番地の167</v>
          </cell>
          <cell r="J76" t="str">
            <v>0795-23-3041</v>
          </cell>
          <cell r="K76" t="str">
            <v>0795-22-1109</v>
          </cell>
          <cell r="L76"/>
          <cell r="M76"/>
          <cell r="N76"/>
        </row>
        <row r="77">
          <cell r="B77">
            <v>60</v>
          </cell>
          <cell r="C77" t="str">
            <v>株式会社七福建設</v>
          </cell>
          <cell r="D77" t="str">
            <v>村岡括矢</v>
          </cell>
          <cell r="E77" t="str">
            <v>取消</v>
          </cell>
          <cell r="F77">
            <v>40269</v>
          </cell>
          <cell r="G77">
            <v>36617</v>
          </cell>
          <cell r="H77">
            <v>6770054</v>
          </cell>
          <cell r="I77" t="str">
            <v>西脇市野村町249番地の9</v>
          </cell>
          <cell r="J77" t="str">
            <v>0795-22-5544</v>
          </cell>
          <cell r="K77" t="str">
            <v>0795-22-5563</v>
          </cell>
          <cell r="L77" t="str">
            <v>H2703 更新手続きなし</v>
          </cell>
          <cell r="M77"/>
          <cell r="N77"/>
        </row>
        <row r="78">
          <cell r="B78">
            <v>61</v>
          </cell>
          <cell r="C78" t="str">
            <v>小岩斫業㈱</v>
          </cell>
          <cell r="D78" t="str">
            <v>小岩忠男</v>
          </cell>
          <cell r="E78" t="str">
            <v>取消</v>
          </cell>
          <cell r="F78">
            <v>36617</v>
          </cell>
          <cell r="G78">
            <v>36617</v>
          </cell>
          <cell r="H78">
            <v>6752114</v>
          </cell>
          <cell r="I78" t="str">
            <v>加西市田原町606-10</v>
          </cell>
          <cell r="J78"/>
          <cell r="K78"/>
          <cell r="L78" t="str">
            <v>H2109 責任技術者不在</v>
          </cell>
          <cell r="M78"/>
          <cell r="N78"/>
        </row>
        <row r="79">
          <cell r="B79">
            <v>62</v>
          </cell>
          <cell r="C79" t="str">
            <v>㈱セリウ電器</v>
          </cell>
          <cell r="D79" t="str">
            <v>芹生譲</v>
          </cell>
          <cell r="E79" t="str">
            <v>取消</v>
          </cell>
          <cell r="F79">
            <v>36617</v>
          </cell>
          <cell r="G79">
            <v>36617</v>
          </cell>
          <cell r="H79"/>
          <cell r="I79" t="str">
            <v>加東市上滝野660-3</v>
          </cell>
          <cell r="J79"/>
          <cell r="K79"/>
          <cell r="L79" t="str">
            <v>H1609 責任技術者不在</v>
          </cell>
          <cell r="M79"/>
          <cell r="N79"/>
        </row>
        <row r="80">
          <cell r="B80">
            <v>63</v>
          </cell>
          <cell r="C80" t="str">
            <v>久野水道㈱</v>
          </cell>
          <cell r="D80" t="str">
            <v>久野康男</v>
          </cell>
          <cell r="E80" t="str">
            <v>取消</v>
          </cell>
          <cell r="F80">
            <v>36617</v>
          </cell>
          <cell r="G80">
            <v>36617</v>
          </cell>
          <cell r="H80">
            <v>6730435</v>
          </cell>
          <cell r="I80" t="str">
            <v>三木市別所町高木40-1</v>
          </cell>
          <cell r="J80"/>
          <cell r="K80"/>
          <cell r="L80" t="str">
            <v>H1703 責任技術者不在</v>
          </cell>
          <cell r="M80"/>
          <cell r="N80"/>
        </row>
        <row r="81">
          <cell r="B81">
            <v>64</v>
          </cell>
          <cell r="C81" t="str">
            <v>西岡建設株式会社</v>
          </cell>
          <cell r="D81" t="str">
            <v>西岡勝義</v>
          </cell>
          <cell r="E81">
            <v>45747</v>
          </cell>
          <cell r="F81">
            <v>43922</v>
          </cell>
          <cell r="G81">
            <v>36617</v>
          </cell>
          <cell r="H81">
            <v>6752223</v>
          </cell>
          <cell r="I81" t="str">
            <v>加西市三口町132番地の1</v>
          </cell>
          <cell r="J81" t="str">
            <v>0790-48-2343</v>
          </cell>
          <cell r="K81" t="str">
            <v>0790-48-2890</v>
          </cell>
          <cell r="L81"/>
          <cell r="M81"/>
          <cell r="N81"/>
        </row>
        <row r="82">
          <cell r="B82"/>
          <cell r="C82"/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</row>
        <row r="83">
          <cell r="B83">
            <v>65</v>
          </cell>
          <cell r="C83" t="str">
            <v>明治建設</v>
          </cell>
          <cell r="D83" t="str">
            <v>河合明治</v>
          </cell>
          <cell r="E83" t="str">
            <v>取消</v>
          </cell>
          <cell r="F83">
            <v>36617</v>
          </cell>
          <cell r="G83">
            <v>36617</v>
          </cell>
          <cell r="H83">
            <v>6752113</v>
          </cell>
          <cell r="I83" t="str">
            <v>加西市網引町831</v>
          </cell>
          <cell r="J83"/>
          <cell r="K83"/>
          <cell r="L83" t="str">
            <v>Ｈ2203 更新手続きなし</v>
          </cell>
          <cell r="M83"/>
          <cell r="N83"/>
        </row>
        <row r="84">
          <cell r="B84">
            <v>66</v>
          </cell>
          <cell r="C84" t="str">
            <v>大西電器</v>
          </cell>
          <cell r="D84" t="str">
            <v>大西孝征</v>
          </cell>
          <cell r="E84">
            <v>45747</v>
          </cell>
          <cell r="F84">
            <v>43922</v>
          </cell>
          <cell r="G84">
            <v>36617</v>
          </cell>
          <cell r="H84">
            <v>6790222</v>
          </cell>
          <cell r="I84" t="str">
            <v>加東市高岡209番地</v>
          </cell>
          <cell r="J84" t="str">
            <v>0795-48-9013</v>
          </cell>
          <cell r="K84" t="str">
            <v>0795-22-9414</v>
          </cell>
          <cell r="L84"/>
          <cell r="M84"/>
          <cell r="N84"/>
        </row>
        <row r="85">
          <cell r="B85">
            <v>67</v>
          </cell>
          <cell r="C85" t="str">
            <v>三木商事株式会社</v>
          </cell>
          <cell r="D85" t="str">
            <v>三木篤幸</v>
          </cell>
          <cell r="E85">
            <v>45747</v>
          </cell>
          <cell r="F85">
            <v>43922</v>
          </cell>
          <cell r="G85">
            <v>36617</v>
          </cell>
          <cell r="H85">
            <v>6728017</v>
          </cell>
          <cell r="I85" t="str">
            <v>姫路市木場十八反町27番地</v>
          </cell>
          <cell r="J85" t="str">
            <v>079-245-7233</v>
          </cell>
          <cell r="K85" t="str">
            <v>079-245-7272</v>
          </cell>
          <cell r="L85"/>
          <cell r="M85"/>
          <cell r="N85"/>
        </row>
        <row r="86">
          <cell r="B86">
            <v>68</v>
          </cell>
          <cell r="C86" t="str">
            <v>むらた工務店　</v>
          </cell>
          <cell r="D86" t="str">
            <v>村田勝美</v>
          </cell>
          <cell r="E86" t="str">
            <v>取消</v>
          </cell>
          <cell r="F86">
            <v>42095</v>
          </cell>
          <cell r="G86">
            <v>36617</v>
          </cell>
          <cell r="H86">
            <v>6752342</v>
          </cell>
          <cell r="I86" t="str">
            <v>加西市西長町1089-19　　</v>
          </cell>
          <cell r="J86" t="str">
            <v>0790-46-1288</v>
          </cell>
          <cell r="K86" t="str">
            <v>0790-46-1470</v>
          </cell>
          <cell r="L86" t="str">
            <v>R1.9　責任技術者不在</v>
          </cell>
          <cell r="M86"/>
          <cell r="N86"/>
        </row>
        <row r="87">
          <cell r="B87">
            <v>69</v>
          </cell>
          <cell r="C87" t="str">
            <v>有限会社カケイ設備　</v>
          </cell>
          <cell r="D87" t="str">
            <v>筧勝也</v>
          </cell>
          <cell r="E87">
            <v>45747</v>
          </cell>
          <cell r="F87">
            <v>43922</v>
          </cell>
          <cell r="G87">
            <v>36617</v>
          </cell>
          <cell r="H87">
            <v>6752113</v>
          </cell>
          <cell r="I87" t="str">
            <v>加西市網引町739番地</v>
          </cell>
          <cell r="J87" t="str">
            <v>0790-49-0284</v>
          </cell>
          <cell r="K87" t="str">
            <v>0790-49-0284</v>
          </cell>
          <cell r="L87"/>
          <cell r="M87"/>
          <cell r="N87"/>
        </row>
        <row r="88">
          <cell r="B88">
            <v>70</v>
          </cell>
          <cell r="C88" t="str">
            <v>蓬莱建設　　　　</v>
          </cell>
          <cell r="D88" t="str">
            <v>蓬莱正寿</v>
          </cell>
          <cell r="E88" t="str">
            <v>取消</v>
          </cell>
          <cell r="F88">
            <v>36617</v>
          </cell>
          <cell r="G88">
            <v>36617</v>
          </cell>
          <cell r="H88">
            <v>6752202</v>
          </cell>
          <cell r="I88" t="str">
            <v xml:space="preserve">加西市野条町377-12  </v>
          </cell>
          <cell r="J88"/>
          <cell r="K88"/>
          <cell r="L88" t="str">
            <v>H1703 責任技術者不在</v>
          </cell>
          <cell r="M88"/>
          <cell r="N88"/>
        </row>
        <row r="89">
          <cell r="B89">
            <v>71</v>
          </cell>
          <cell r="C89" t="str">
            <v>内橋管工</v>
          </cell>
          <cell r="D89" t="str">
            <v>内藤敏雄</v>
          </cell>
          <cell r="E89" t="str">
            <v>取消</v>
          </cell>
          <cell r="F89">
            <v>36617</v>
          </cell>
          <cell r="G89">
            <v>36617</v>
          </cell>
          <cell r="H89">
            <v>6770053</v>
          </cell>
          <cell r="I89" t="str">
            <v xml:space="preserve">西脇市和布町56   </v>
          </cell>
          <cell r="J89"/>
          <cell r="K89"/>
          <cell r="L89" t="str">
            <v>H1703 責任技術者不在</v>
          </cell>
          <cell r="M89"/>
          <cell r="N89"/>
        </row>
        <row r="90">
          <cell r="B90">
            <v>72</v>
          </cell>
          <cell r="C90" t="str">
            <v>有限会社藤本商店　　</v>
          </cell>
          <cell r="D90" t="str">
            <v>藤本博之</v>
          </cell>
          <cell r="E90" t="str">
            <v>取消</v>
          </cell>
          <cell r="F90">
            <v>42095</v>
          </cell>
          <cell r="G90">
            <v>36617</v>
          </cell>
          <cell r="H90">
            <v>6770053</v>
          </cell>
          <cell r="I90" t="str">
            <v>西脇市和布町269番地の9</v>
          </cell>
          <cell r="J90" t="str">
            <v>0795-22-3850</v>
          </cell>
          <cell r="K90" t="str">
            <v>0795-23-3920</v>
          </cell>
          <cell r="L90"/>
          <cell r="M90"/>
          <cell r="N90"/>
        </row>
        <row r="91">
          <cell r="B91">
            <v>73</v>
          </cell>
          <cell r="C91" t="str">
            <v>㈱ミタカ　</v>
          </cell>
          <cell r="D91" t="str">
            <v>古本隆雄</v>
          </cell>
          <cell r="E91" t="str">
            <v>取消</v>
          </cell>
          <cell r="F91">
            <v>36617</v>
          </cell>
          <cell r="G91">
            <v>36617</v>
          </cell>
          <cell r="H91">
            <v>6752213</v>
          </cell>
          <cell r="I91" t="str">
            <v xml:space="preserve">加西市西笠原町178-6        </v>
          </cell>
          <cell r="J91"/>
          <cell r="K91"/>
          <cell r="L91" t="str">
            <v>H1707 辞退届け提出</v>
          </cell>
          <cell r="M91"/>
          <cell r="N91"/>
        </row>
        <row r="92">
          <cell r="B92">
            <v>74</v>
          </cell>
          <cell r="C92" t="str">
            <v>株式会社西谷工務店</v>
          </cell>
          <cell r="D92" t="str">
            <v>西谷末男</v>
          </cell>
          <cell r="E92">
            <v>45747</v>
          </cell>
          <cell r="F92">
            <v>43922</v>
          </cell>
          <cell r="G92">
            <v>36617</v>
          </cell>
          <cell r="H92">
            <v>6752332</v>
          </cell>
          <cell r="I92" t="str">
            <v>加西市鎮岩町220番地</v>
          </cell>
          <cell r="J92" t="str">
            <v>0790-46-0858</v>
          </cell>
          <cell r="K92" t="str">
            <v>0790-46-0859</v>
          </cell>
          <cell r="L92"/>
          <cell r="M92"/>
          <cell r="N92"/>
        </row>
        <row r="93">
          <cell r="B93">
            <v>75</v>
          </cell>
          <cell r="C93" t="str">
            <v>株式会社櫻井水設</v>
          </cell>
          <cell r="D93" t="str">
            <v>櫻井貞明</v>
          </cell>
          <cell r="E93">
            <v>45747</v>
          </cell>
          <cell r="F93">
            <v>43922</v>
          </cell>
          <cell r="G93">
            <v>36617</v>
          </cell>
          <cell r="H93">
            <v>6750054</v>
          </cell>
          <cell r="I93" t="str">
            <v xml:space="preserve">加古川市米田町平津671番地の15     </v>
          </cell>
          <cell r="J93" t="str">
            <v>079-432-5911</v>
          </cell>
          <cell r="K93" t="str">
            <v>079-432-8174</v>
          </cell>
          <cell r="L93" t="str">
            <v>再交付</v>
          </cell>
          <cell r="M93" t="str">
            <v>H210330住所変更</v>
          </cell>
          <cell r="N93"/>
        </row>
        <row r="94">
          <cell r="B94">
            <v>76</v>
          </cell>
          <cell r="C94" t="str">
            <v>末廣電気商会　</v>
          </cell>
          <cell r="D94" t="str">
            <v>末廣昌義</v>
          </cell>
          <cell r="E94" t="str">
            <v>取消</v>
          </cell>
          <cell r="F94">
            <v>42095</v>
          </cell>
          <cell r="G94">
            <v>36617</v>
          </cell>
          <cell r="H94">
            <v>6752444</v>
          </cell>
          <cell r="I94" t="str">
            <v xml:space="preserve">加西市鴨谷町855の1        </v>
          </cell>
          <cell r="J94" t="str">
            <v>0790-44-1092</v>
          </cell>
          <cell r="K94" t="str">
            <v>0790-44-1033</v>
          </cell>
          <cell r="L94"/>
          <cell r="M94"/>
          <cell r="N94"/>
        </row>
        <row r="95">
          <cell r="B95">
            <v>77</v>
          </cell>
          <cell r="C95" t="str">
            <v>高電商会</v>
          </cell>
          <cell r="D95" t="str">
            <v>高橋保雄</v>
          </cell>
          <cell r="E95">
            <v>45747</v>
          </cell>
          <cell r="F95">
            <v>43922</v>
          </cell>
          <cell r="G95">
            <v>36617</v>
          </cell>
          <cell r="H95">
            <v>6752322</v>
          </cell>
          <cell r="I95" t="str">
            <v xml:space="preserve">加西市北条町西高室447番地     </v>
          </cell>
          <cell r="J95" t="str">
            <v>0790-42-3595</v>
          </cell>
          <cell r="K95" t="str">
            <v>0790-42-3594</v>
          </cell>
          <cell r="L95"/>
          <cell r="M95"/>
          <cell r="N95"/>
        </row>
        <row r="96">
          <cell r="B96">
            <v>78</v>
          </cell>
          <cell r="C96" t="str">
            <v>翔栄設備　</v>
          </cell>
          <cell r="D96" t="str">
            <v>岡田秀一</v>
          </cell>
          <cell r="E96" t="str">
            <v>取消</v>
          </cell>
          <cell r="F96">
            <v>42095</v>
          </cell>
          <cell r="G96">
            <v>36617</v>
          </cell>
          <cell r="H96">
            <v>6752313</v>
          </cell>
          <cell r="I96" t="str">
            <v xml:space="preserve">加西市北条町黒駒20-2       </v>
          </cell>
          <cell r="J96" t="str">
            <v>0790-43-1269</v>
          </cell>
          <cell r="K96" t="str">
            <v>0790-43-1269</v>
          </cell>
          <cell r="L96"/>
          <cell r="M96"/>
          <cell r="N96"/>
        </row>
        <row r="97">
          <cell r="B97">
            <v>79</v>
          </cell>
          <cell r="C97" t="str">
            <v>株式会社ミコー総合開発</v>
          </cell>
          <cell r="D97" t="str">
            <v>森村広幸</v>
          </cell>
          <cell r="E97">
            <v>45382</v>
          </cell>
          <cell r="F97">
            <v>43556</v>
          </cell>
          <cell r="G97">
            <v>38363</v>
          </cell>
          <cell r="H97">
            <v>6752103</v>
          </cell>
          <cell r="I97" t="str">
            <v xml:space="preserve">加西市鶉野町2190-1    </v>
          </cell>
          <cell r="J97" t="str">
            <v>0790-49-2244</v>
          </cell>
          <cell r="K97" t="str">
            <v>0790-49-2557</v>
          </cell>
          <cell r="L97"/>
          <cell r="M97"/>
          <cell r="N97"/>
        </row>
        <row r="98">
          <cell r="B98">
            <v>80</v>
          </cell>
          <cell r="C98" t="str">
            <v>高井建設株式会社</v>
          </cell>
          <cell r="D98" t="str">
            <v>高井公子</v>
          </cell>
          <cell r="E98" t="str">
            <v>取消</v>
          </cell>
          <cell r="F98">
            <v>40269</v>
          </cell>
          <cell r="G98">
            <v>36617</v>
          </cell>
          <cell r="H98">
            <v>6752234</v>
          </cell>
          <cell r="I98" t="str">
            <v>加西市大村町73番地　　　　</v>
          </cell>
          <cell r="J98" t="str">
            <v>0790-48-2780</v>
          </cell>
          <cell r="K98" t="str">
            <v>0790-48-4075</v>
          </cell>
          <cell r="L98" t="str">
            <v>H2703 更新手続きなし</v>
          </cell>
          <cell r="M98"/>
          <cell r="N98"/>
        </row>
        <row r="99">
          <cell r="B99">
            <v>81</v>
          </cell>
          <cell r="C99" t="str">
            <v>㈱大西建設　　　　</v>
          </cell>
          <cell r="D99" t="str">
            <v>大西正勝</v>
          </cell>
          <cell r="E99" t="str">
            <v>取消</v>
          </cell>
          <cell r="F99">
            <v>36617</v>
          </cell>
          <cell r="G99">
            <v>36617</v>
          </cell>
          <cell r="H99">
            <v>6752453</v>
          </cell>
          <cell r="I99" t="str">
            <v xml:space="preserve">加西市上道山町866         </v>
          </cell>
          <cell r="J99"/>
          <cell r="K99"/>
          <cell r="L99" t="str">
            <v>倒産　H18</v>
          </cell>
          <cell r="M99" t="str">
            <v>Ｈ2203 更新手続きなし</v>
          </cell>
          <cell r="N99"/>
        </row>
        <row r="100">
          <cell r="B100">
            <v>82</v>
          </cell>
          <cell r="C100" t="str">
            <v>中町電業㈱　</v>
          </cell>
          <cell r="D100" t="str">
            <v>梅田時雄</v>
          </cell>
          <cell r="E100" t="str">
            <v>取消</v>
          </cell>
          <cell r="F100">
            <v>36617</v>
          </cell>
          <cell r="G100">
            <v>36617</v>
          </cell>
          <cell r="H100"/>
          <cell r="I100" t="str">
            <v xml:space="preserve">多可郡多可町中区中村町23        </v>
          </cell>
          <cell r="J100"/>
          <cell r="K100"/>
          <cell r="L100" t="str">
            <v>H1703 責任技術者不在</v>
          </cell>
          <cell r="M100"/>
          <cell r="N100"/>
        </row>
        <row r="101">
          <cell r="B101">
            <v>83</v>
          </cell>
          <cell r="C101" t="str">
            <v>加西電子工業株式会社</v>
          </cell>
          <cell r="D101" t="str">
            <v>高原成人</v>
          </cell>
          <cell r="E101" t="str">
            <v>取消</v>
          </cell>
          <cell r="F101">
            <v>40269</v>
          </cell>
          <cell r="G101">
            <v>36617</v>
          </cell>
          <cell r="H101">
            <v>6752103</v>
          </cell>
          <cell r="I101" t="str">
            <v xml:space="preserve">加西市鶉野町46番地の57         </v>
          </cell>
          <cell r="J101" t="str">
            <v>0790-49-1175</v>
          </cell>
          <cell r="K101" t="str">
            <v>0790-49-0495</v>
          </cell>
          <cell r="L101" t="str">
            <v>Ｈ2609　責任技術者不在
H2703   更新手続きなし</v>
          </cell>
          <cell r="M101"/>
          <cell r="N101"/>
        </row>
        <row r="102">
          <cell r="B102">
            <v>84</v>
          </cell>
          <cell r="C102" t="str">
            <v>㈱ヤマカイ　　　</v>
          </cell>
          <cell r="D102" t="str">
            <v>松本義明</v>
          </cell>
          <cell r="E102" t="str">
            <v>取消</v>
          </cell>
          <cell r="F102">
            <v>36617</v>
          </cell>
          <cell r="G102">
            <v>36617</v>
          </cell>
          <cell r="H102">
            <v>6752324</v>
          </cell>
          <cell r="I102" t="str">
            <v xml:space="preserve">加西市北条町東南90       </v>
          </cell>
          <cell r="J102"/>
          <cell r="K102"/>
          <cell r="L102" t="str">
            <v>H1703 責任技術者不在</v>
          </cell>
          <cell r="M102"/>
          <cell r="N102"/>
        </row>
        <row r="103">
          <cell r="B103">
            <v>85</v>
          </cell>
          <cell r="C103" t="str">
            <v>森田建設㈱　　　</v>
          </cell>
          <cell r="D103" t="str">
            <v>森田稔</v>
          </cell>
          <cell r="E103" t="str">
            <v>取消</v>
          </cell>
          <cell r="F103">
            <v>36617</v>
          </cell>
          <cell r="G103">
            <v>36617</v>
          </cell>
          <cell r="H103">
            <v>6790107</v>
          </cell>
          <cell r="I103" t="str">
            <v>加西市玉野町847　　　　　</v>
          </cell>
          <cell r="J103"/>
          <cell r="K103"/>
          <cell r="L103" t="str">
            <v>H2203 更新手続きなし</v>
          </cell>
          <cell r="M103"/>
          <cell r="N103"/>
        </row>
        <row r="104">
          <cell r="B104">
            <v>86</v>
          </cell>
          <cell r="C104" t="str">
            <v>滝野開発工業㈱　</v>
          </cell>
          <cell r="D104" t="str">
            <v>本多玄敏</v>
          </cell>
          <cell r="E104" t="str">
            <v>取消</v>
          </cell>
          <cell r="F104">
            <v>36617</v>
          </cell>
          <cell r="G104">
            <v>36617</v>
          </cell>
          <cell r="H104">
            <v>6752321</v>
          </cell>
          <cell r="I104" t="str">
            <v xml:space="preserve">加西市北条町東高室751-1   </v>
          </cell>
          <cell r="J104"/>
          <cell r="K104"/>
          <cell r="L104" t="str">
            <v>H1609 責任技術者不在</v>
          </cell>
          <cell r="M104"/>
          <cell r="N104"/>
        </row>
        <row r="105">
          <cell r="B105">
            <v>87</v>
          </cell>
          <cell r="C105" t="str">
            <v>大宏建設㈱　　　　</v>
          </cell>
          <cell r="D105" t="str">
            <v>本多兼正</v>
          </cell>
          <cell r="E105" t="str">
            <v>取消</v>
          </cell>
          <cell r="F105">
            <v>36617</v>
          </cell>
          <cell r="G105">
            <v>36617</v>
          </cell>
          <cell r="H105">
            <v>6752334</v>
          </cell>
          <cell r="I105" t="str">
            <v>加西市福住町13-1　　　　　</v>
          </cell>
          <cell r="J105"/>
          <cell r="K105"/>
          <cell r="L105" t="str">
            <v>H1609 責任技術者不在</v>
          </cell>
          <cell r="M105"/>
          <cell r="N105"/>
        </row>
        <row r="106">
          <cell r="B106">
            <v>88</v>
          </cell>
          <cell r="C106" t="str">
            <v>門上建設㈱　　　</v>
          </cell>
          <cell r="D106" t="str">
            <v>門上佳也</v>
          </cell>
          <cell r="E106" t="str">
            <v>取消</v>
          </cell>
          <cell r="F106">
            <v>36617</v>
          </cell>
          <cell r="G106">
            <v>36617</v>
          </cell>
          <cell r="H106">
            <v>6770015</v>
          </cell>
          <cell r="I106" t="str">
            <v xml:space="preserve">西脇市西脇712-115　　　　　 </v>
          </cell>
          <cell r="J106"/>
          <cell r="K106"/>
          <cell r="L106" t="str">
            <v>H1703 責任技術者不在</v>
          </cell>
          <cell r="M106"/>
          <cell r="N106"/>
        </row>
        <row r="107">
          <cell r="B107">
            <v>89</v>
          </cell>
          <cell r="C107" t="str">
            <v>前田電化　　　　　</v>
          </cell>
          <cell r="D107" t="str">
            <v>前田一雄</v>
          </cell>
          <cell r="E107" t="str">
            <v>取消</v>
          </cell>
          <cell r="F107">
            <v>36617</v>
          </cell>
          <cell r="G107">
            <v>36617</v>
          </cell>
          <cell r="H107">
            <v>6752203</v>
          </cell>
          <cell r="I107" t="str">
            <v>加西市牛居町390-7　　　　</v>
          </cell>
          <cell r="J107"/>
          <cell r="K107"/>
          <cell r="L107" t="str">
            <v>H1609 責任技術者不在</v>
          </cell>
          <cell r="M107"/>
          <cell r="N107"/>
        </row>
        <row r="108">
          <cell r="B108">
            <v>90</v>
          </cell>
          <cell r="C108" t="str">
            <v>加西電機　　　　</v>
          </cell>
          <cell r="D108" t="str">
            <v>垣内正弘</v>
          </cell>
          <cell r="E108">
            <v>45747</v>
          </cell>
          <cell r="F108">
            <v>43922</v>
          </cell>
          <cell r="G108">
            <v>36617</v>
          </cell>
          <cell r="H108">
            <v>6752361</v>
          </cell>
          <cell r="I108" t="str">
            <v>加西市谷町90番地の3　　　　　　　</v>
          </cell>
          <cell r="J108" t="str">
            <v>0790-43-0678</v>
          </cell>
          <cell r="K108" t="str">
            <v>0790-43-0588</v>
          </cell>
          <cell r="L108"/>
          <cell r="M108"/>
          <cell r="N108"/>
        </row>
        <row r="109">
          <cell r="B109">
            <v>91</v>
          </cell>
          <cell r="C109" t="str">
            <v>高部電気　　　　</v>
          </cell>
          <cell r="D109" t="str">
            <v>高部克義</v>
          </cell>
          <cell r="E109" t="str">
            <v>取消</v>
          </cell>
          <cell r="F109">
            <v>40269</v>
          </cell>
          <cell r="G109">
            <v>36617</v>
          </cell>
          <cell r="H109">
            <v>6752303</v>
          </cell>
          <cell r="I109" t="str">
            <v>加西市北条町古坂1237　　</v>
          </cell>
          <cell r="J109" t="str">
            <v>0790-42-1254</v>
          </cell>
          <cell r="K109" t="str">
            <v>0790-42-1254</v>
          </cell>
          <cell r="L109" t="str">
            <v>Ｈ2609　責任技術者不在
H2703　更新手続きなし</v>
          </cell>
          <cell r="M109"/>
          <cell r="N109"/>
        </row>
        <row r="110">
          <cell r="B110">
            <v>92</v>
          </cell>
          <cell r="C110" t="str">
            <v>柏原建設株式会社</v>
          </cell>
          <cell r="D110" t="str">
            <v>柏原幸生</v>
          </cell>
          <cell r="E110" t="str">
            <v>取消</v>
          </cell>
          <cell r="F110">
            <v>42095</v>
          </cell>
          <cell r="G110">
            <v>36617</v>
          </cell>
          <cell r="H110">
            <v>6752346</v>
          </cell>
          <cell r="I110" t="str">
            <v>加西市東剣坂町581番地の2　　　</v>
          </cell>
          <cell r="J110" t="str">
            <v>0790-46-0621</v>
          </cell>
          <cell r="K110" t="str">
            <v>0790-46-1621</v>
          </cell>
          <cell r="L110"/>
          <cell r="M110"/>
          <cell r="N110"/>
        </row>
        <row r="111">
          <cell r="B111">
            <v>93</v>
          </cell>
          <cell r="C111" t="str">
            <v>高橋電気　　　</v>
          </cell>
          <cell r="D111" t="str">
            <v>高橋永一</v>
          </cell>
          <cell r="E111" t="str">
            <v>取消</v>
          </cell>
          <cell r="F111">
            <v>36617</v>
          </cell>
          <cell r="G111">
            <v>36617</v>
          </cell>
          <cell r="H111">
            <v>6752312</v>
          </cell>
          <cell r="I111" t="str">
            <v>加西市北条町北条1247-4　　　</v>
          </cell>
          <cell r="J111"/>
          <cell r="K111"/>
          <cell r="L111" t="str">
            <v>H2109 責任技術者不在</v>
          </cell>
          <cell r="M111"/>
          <cell r="N111"/>
        </row>
        <row r="112">
          <cell r="B112">
            <v>94</v>
          </cell>
          <cell r="C112" t="str">
            <v>みづほ化工㈱　　</v>
          </cell>
          <cell r="D112" t="str">
            <v>渡部盛雄</v>
          </cell>
          <cell r="E112" t="str">
            <v>取消</v>
          </cell>
          <cell r="F112">
            <v>36617</v>
          </cell>
          <cell r="G112">
            <v>36617</v>
          </cell>
          <cell r="H112">
            <v>6793122</v>
          </cell>
          <cell r="I112" t="str">
            <v>神崎郡大河内町高朝田71-1　　</v>
          </cell>
          <cell r="J112"/>
          <cell r="K112"/>
          <cell r="L112" t="str">
            <v>辞退</v>
          </cell>
          <cell r="M112" t="str">
            <v>H14.8.31辞退届け</v>
          </cell>
          <cell r="N112"/>
        </row>
        <row r="113">
          <cell r="B113">
            <v>95</v>
          </cell>
          <cell r="C113" t="str">
            <v>青山設備工業　　</v>
          </cell>
          <cell r="D113" t="str">
            <v>青山泰造</v>
          </cell>
          <cell r="E113" t="str">
            <v>取消</v>
          </cell>
          <cell r="F113">
            <v>36617</v>
          </cell>
          <cell r="G113">
            <v>36617</v>
          </cell>
          <cell r="H113"/>
          <cell r="I113" t="str">
            <v>多可郡多可町中区安坂426　　　　　　</v>
          </cell>
          <cell r="J113"/>
          <cell r="K113"/>
          <cell r="L113" t="str">
            <v>H1703 責任技術者不在</v>
          </cell>
          <cell r="M113"/>
          <cell r="N113"/>
        </row>
        <row r="114">
          <cell r="B114">
            <v>96</v>
          </cell>
          <cell r="C114" t="str">
            <v>創造建設㈱</v>
          </cell>
          <cell r="D114" t="str">
            <v>松本千鶴</v>
          </cell>
          <cell r="E114" t="str">
            <v>取消</v>
          </cell>
          <cell r="F114">
            <v>36617</v>
          </cell>
          <cell r="G114">
            <v>36617</v>
          </cell>
          <cell r="H114">
            <v>6752354</v>
          </cell>
          <cell r="I114" t="str">
            <v>加西市山下町845　　　　　　　</v>
          </cell>
          <cell r="J114"/>
          <cell r="K114"/>
          <cell r="L114" t="str">
            <v>H1609 責任技術者不在</v>
          </cell>
          <cell r="M114"/>
          <cell r="N114"/>
        </row>
        <row r="115">
          <cell r="B115">
            <v>97</v>
          </cell>
          <cell r="C115" t="str">
            <v>キンシ電機　</v>
          </cell>
          <cell r="D115" t="str">
            <v>金志重夫</v>
          </cell>
          <cell r="E115">
            <v>45747</v>
          </cell>
          <cell r="F115">
            <v>43922</v>
          </cell>
          <cell r="G115">
            <v>36617</v>
          </cell>
          <cell r="H115">
            <v>6752442</v>
          </cell>
          <cell r="I115" t="str">
            <v>加西市中富町1298番地の2　　　</v>
          </cell>
          <cell r="J115" t="str">
            <v>0790-44-0463</v>
          </cell>
          <cell r="K115" t="str">
            <v>0790-44-2988</v>
          </cell>
          <cell r="L115"/>
          <cell r="M115"/>
          <cell r="N115"/>
        </row>
        <row r="116">
          <cell r="B116">
            <v>98</v>
          </cell>
          <cell r="C116" t="str">
            <v>横井設備　　　</v>
          </cell>
          <cell r="D116" t="str">
            <v>横井明文</v>
          </cell>
          <cell r="E116" t="str">
            <v>取消</v>
          </cell>
          <cell r="F116">
            <v>42095</v>
          </cell>
          <cell r="G116">
            <v>36617</v>
          </cell>
          <cell r="H116">
            <v>6752313</v>
          </cell>
          <cell r="I116" t="str">
            <v>加西市北条町黒駒297-5　　　</v>
          </cell>
          <cell r="J116" t="str">
            <v>0790-43-1645</v>
          </cell>
          <cell r="K116" t="str">
            <v>0790-43-1793</v>
          </cell>
          <cell r="L116" t="str">
            <v>R2.03　更新手続きなし　</v>
          </cell>
          <cell r="M116"/>
          <cell r="N116"/>
        </row>
        <row r="117">
          <cell r="B117">
            <v>99</v>
          </cell>
          <cell r="C117" t="str">
            <v>有限会社内橋電気　　</v>
          </cell>
          <cell r="D117" t="str">
            <v>内橋 一雄</v>
          </cell>
          <cell r="E117">
            <v>45747</v>
          </cell>
          <cell r="F117">
            <v>43922</v>
          </cell>
          <cell r="G117">
            <v>36617</v>
          </cell>
          <cell r="H117">
            <v>6752462</v>
          </cell>
          <cell r="I117" t="str">
            <v>加西市別所町258番地の1</v>
          </cell>
          <cell r="J117" t="str">
            <v>0790-44-1046</v>
          </cell>
          <cell r="K117" t="str">
            <v>0790-44-0369</v>
          </cell>
          <cell r="L117"/>
          <cell r="M117"/>
          <cell r="N117"/>
        </row>
        <row r="118">
          <cell r="B118">
            <v>100</v>
          </cell>
          <cell r="C118" t="str">
            <v>㈲ﾏｯｸｽﾌﾘｰ商事　</v>
          </cell>
          <cell r="D118" t="str">
            <v>上月勝</v>
          </cell>
          <cell r="E118" t="str">
            <v>取消</v>
          </cell>
          <cell r="F118">
            <v>36617</v>
          </cell>
          <cell r="G118">
            <v>36617</v>
          </cell>
          <cell r="H118">
            <v>6731461</v>
          </cell>
          <cell r="I118" t="str">
            <v>加東郡社町木梨896-1</v>
          </cell>
          <cell r="J118"/>
          <cell r="K118"/>
          <cell r="L118" t="str">
            <v>H2109 責任技術者不在</v>
          </cell>
          <cell r="M118"/>
          <cell r="N118"/>
        </row>
        <row r="119">
          <cell r="B119">
            <v>101</v>
          </cell>
          <cell r="C119" t="str">
            <v>株式会社山本工務店</v>
          </cell>
          <cell r="D119" t="str">
            <v>山本豊</v>
          </cell>
          <cell r="E119" t="str">
            <v>取消</v>
          </cell>
          <cell r="F119">
            <v>42095</v>
          </cell>
          <cell r="G119">
            <v>36617</v>
          </cell>
          <cell r="H119">
            <v>6752323</v>
          </cell>
          <cell r="I119" t="str">
            <v>加西市北条町西南55</v>
          </cell>
          <cell r="J119" t="str">
            <v>0790-42-0627</v>
          </cell>
          <cell r="K119" t="str">
            <v>0790-42-4758</v>
          </cell>
          <cell r="L119" t="str">
            <v>R1.9　責任技術者不在</v>
          </cell>
          <cell r="M119"/>
          <cell r="N119"/>
        </row>
        <row r="120">
          <cell r="B120">
            <v>102</v>
          </cell>
          <cell r="C120" t="str">
            <v>酒見電機㈱　　　</v>
          </cell>
          <cell r="D120" t="str">
            <v>堀尾善満</v>
          </cell>
          <cell r="E120" t="str">
            <v>取消</v>
          </cell>
          <cell r="F120">
            <v>36617</v>
          </cell>
          <cell r="G120">
            <v>36617</v>
          </cell>
          <cell r="H120">
            <v>6752312</v>
          </cell>
          <cell r="I120" t="str">
            <v>加西市北条町北条1090-2</v>
          </cell>
          <cell r="J120"/>
          <cell r="K120"/>
          <cell r="L120" t="str">
            <v>H1703 責任技術者不在</v>
          </cell>
          <cell r="M120"/>
          <cell r="N120"/>
        </row>
        <row r="121">
          <cell r="B121">
            <v>103</v>
          </cell>
          <cell r="C121" t="str">
            <v>金鹿建設株式会社</v>
          </cell>
          <cell r="D121" t="str">
            <v>金鹿和也</v>
          </cell>
          <cell r="E121">
            <v>45747</v>
          </cell>
          <cell r="F121">
            <v>43922</v>
          </cell>
          <cell r="G121">
            <v>36617</v>
          </cell>
          <cell r="H121">
            <v>6752321</v>
          </cell>
          <cell r="I121" t="str">
            <v>加西市北条町東高室935番地の3　　</v>
          </cell>
          <cell r="J121" t="str">
            <v>0790-42-2617</v>
          </cell>
          <cell r="K121" t="str">
            <v>0790-42-2669</v>
          </cell>
          <cell r="L121"/>
          <cell r="M121"/>
          <cell r="N121"/>
        </row>
        <row r="122">
          <cell r="B122">
            <v>104</v>
          </cell>
          <cell r="C122" t="str">
            <v>㈱播昭　　　　　　</v>
          </cell>
          <cell r="D122" t="str">
            <v>井上匡明</v>
          </cell>
          <cell r="E122" t="str">
            <v>取消</v>
          </cell>
          <cell r="F122">
            <v>36617</v>
          </cell>
          <cell r="G122">
            <v>36617</v>
          </cell>
          <cell r="H122">
            <v>6700884</v>
          </cell>
          <cell r="I122" t="str">
            <v>姫路市城北本町5番30号　　　　</v>
          </cell>
          <cell r="J122"/>
          <cell r="K122"/>
          <cell r="L122" t="str">
            <v>辞退　H21.9.15辞退届け</v>
          </cell>
          <cell r="M122"/>
          <cell r="N122"/>
        </row>
        <row r="123">
          <cell r="B123">
            <v>105</v>
          </cell>
          <cell r="C123" t="str">
            <v>ナイトウ　　　　　</v>
          </cell>
          <cell r="D123" t="str">
            <v>内藤正則</v>
          </cell>
          <cell r="E123">
            <v>45747</v>
          </cell>
          <cell r="F123">
            <v>43922</v>
          </cell>
          <cell r="G123">
            <v>36617</v>
          </cell>
          <cell r="H123">
            <v>6752302</v>
          </cell>
          <cell r="I123" t="str">
            <v>加西市北条町栗田443番地の4　　　</v>
          </cell>
          <cell r="J123" t="str">
            <v>0790-42-3150</v>
          </cell>
          <cell r="K123" t="str">
            <v>0790-42-3150</v>
          </cell>
          <cell r="L123"/>
          <cell r="M123"/>
          <cell r="N123"/>
        </row>
        <row r="124">
          <cell r="B124">
            <v>106</v>
          </cell>
          <cell r="C124" t="str">
            <v>小芦建設株式会社</v>
          </cell>
          <cell r="D124" t="str">
            <v>小芦孝彦</v>
          </cell>
          <cell r="E124">
            <v>45747</v>
          </cell>
          <cell r="F124">
            <v>43922</v>
          </cell>
          <cell r="G124">
            <v>36617</v>
          </cell>
          <cell r="H124">
            <v>6752442</v>
          </cell>
          <cell r="I124" t="str">
            <v>加西市中富町932番地の4</v>
          </cell>
          <cell r="J124" t="str">
            <v>0790-44-0524</v>
          </cell>
          <cell r="K124" t="str">
            <v>0790-44-2489</v>
          </cell>
          <cell r="L124"/>
          <cell r="M124"/>
          <cell r="N124"/>
        </row>
        <row r="125">
          <cell r="B125">
            <v>106</v>
          </cell>
          <cell r="C125"/>
          <cell r="D125"/>
          <cell r="E125"/>
          <cell r="F125"/>
          <cell r="G125"/>
          <cell r="H125"/>
          <cell r="I125"/>
          <cell r="J125"/>
          <cell r="K125"/>
          <cell r="L125"/>
          <cell r="M125"/>
          <cell r="N125"/>
        </row>
        <row r="126">
          <cell r="B126">
            <v>107</v>
          </cell>
          <cell r="C126" t="str">
            <v>大和建設株式会社</v>
          </cell>
          <cell r="D126" t="str">
            <v>塚原博文</v>
          </cell>
          <cell r="E126">
            <v>45747</v>
          </cell>
          <cell r="F126">
            <v>43922</v>
          </cell>
          <cell r="G126">
            <v>36617</v>
          </cell>
          <cell r="H126">
            <v>6752313</v>
          </cell>
          <cell r="I126" t="str">
            <v>加西市北条町黒駒368番地</v>
          </cell>
          <cell r="J126" t="str">
            <v>0790-42-2039</v>
          </cell>
          <cell r="K126" t="str">
            <v>0790-42-2784</v>
          </cell>
          <cell r="L126"/>
          <cell r="M126"/>
          <cell r="N126"/>
        </row>
        <row r="127">
          <cell r="B127">
            <v>108</v>
          </cell>
          <cell r="C127" t="str">
            <v>有限会社阿部設備</v>
          </cell>
          <cell r="D127" t="str">
            <v>阿部学</v>
          </cell>
          <cell r="E127">
            <v>45747</v>
          </cell>
          <cell r="F127">
            <v>43922</v>
          </cell>
          <cell r="G127">
            <v>36617</v>
          </cell>
          <cell r="H127">
            <v>6752426</v>
          </cell>
          <cell r="I127" t="str">
            <v>加西市西野々町203番地の3</v>
          </cell>
          <cell r="J127" t="str">
            <v>0790-45-0039</v>
          </cell>
          <cell r="K127" t="str">
            <v>0790-45-8007</v>
          </cell>
          <cell r="L127"/>
          <cell r="M127"/>
          <cell r="N127"/>
        </row>
        <row r="128">
          <cell r="B128">
            <v>109</v>
          </cell>
          <cell r="C128" t="str">
            <v>安田建設　　　　　</v>
          </cell>
          <cell r="D128" t="str">
            <v>安田好孝</v>
          </cell>
          <cell r="E128" t="str">
            <v>取消</v>
          </cell>
          <cell r="F128">
            <v>40269</v>
          </cell>
          <cell r="G128">
            <v>36617</v>
          </cell>
          <cell r="H128">
            <v>6752334</v>
          </cell>
          <cell r="I128" t="str">
            <v>加西市福住町1079</v>
          </cell>
          <cell r="J128" t="str">
            <v>0790-46-0221</v>
          </cell>
          <cell r="K128" t="str">
            <v>0790-46-1603</v>
          </cell>
          <cell r="L128" t="str">
            <v>Ｈ2609　責任技術者不在
H2703　 更新手続きなし</v>
          </cell>
          <cell r="M128"/>
          <cell r="N128"/>
        </row>
        <row r="129">
          <cell r="B129">
            <v>110</v>
          </cell>
          <cell r="C129" t="str">
            <v>クボタ電器　　　　</v>
          </cell>
          <cell r="D129" t="str">
            <v>久保田孝</v>
          </cell>
          <cell r="E129" t="str">
            <v>取消</v>
          </cell>
          <cell r="F129">
            <v>36617</v>
          </cell>
          <cell r="G129">
            <v>36617</v>
          </cell>
          <cell r="H129">
            <v>6790104</v>
          </cell>
          <cell r="I129" t="str">
            <v>加西市常吉町190-1</v>
          </cell>
          <cell r="J129"/>
          <cell r="K129"/>
          <cell r="L129" t="str">
            <v>H2109 責任技術者不在</v>
          </cell>
          <cell r="M129"/>
          <cell r="N129"/>
        </row>
        <row r="130">
          <cell r="B130">
            <v>111</v>
          </cell>
          <cell r="C130" t="str">
            <v>山本電機水道　　</v>
          </cell>
          <cell r="D130" t="str">
            <v>山本壯一</v>
          </cell>
          <cell r="E130">
            <v>45747</v>
          </cell>
          <cell r="F130">
            <v>43922</v>
          </cell>
          <cell r="G130">
            <v>36617</v>
          </cell>
          <cell r="H130">
            <v>6752311</v>
          </cell>
          <cell r="I130" t="str">
            <v>加西市北条町横尾690番地</v>
          </cell>
          <cell r="J130" t="str">
            <v>0790-42-0327</v>
          </cell>
          <cell r="K130" t="str">
            <v>0790-42-0185</v>
          </cell>
          <cell r="L130"/>
          <cell r="M130"/>
          <cell r="N130"/>
        </row>
        <row r="131">
          <cell r="B131">
            <v>112</v>
          </cell>
          <cell r="C131" t="str">
            <v>山野設備　　　　　</v>
          </cell>
          <cell r="D131" t="str">
            <v>山野敏明</v>
          </cell>
          <cell r="E131" t="str">
            <v>取消</v>
          </cell>
          <cell r="F131">
            <v>40269</v>
          </cell>
          <cell r="G131">
            <v>36617</v>
          </cell>
          <cell r="H131">
            <v>6752352</v>
          </cell>
          <cell r="I131" t="str">
            <v>加西市谷口町495</v>
          </cell>
          <cell r="J131" t="str">
            <v>0790-42-2913</v>
          </cell>
          <cell r="K131" t="str">
            <v>0790-42-1913</v>
          </cell>
          <cell r="L131" t="str">
            <v>Ｈ2609　責任技術者不在
H2703　 更新手続きなし</v>
          </cell>
          <cell r="M131"/>
          <cell r="N131"/>
        </row>
        <row r="132">
          <cell r="B132">
            <v>113</v>
          </cell>
          <cell r="C132" t="str">
            <v>㈲香川建設　　　</v>
          </cell>
          <cell r="D132" t="str">
            <v>香川茂樹</v>
          </cell>
          <cell r="E132" t="str">
            <v>取消</v>
          </cell>
          <cell r="F132">
            <v>36617</v>
          </cell>
          <cell r="G132">
            <v>36617</v>
          </cell>
          <cell r="H132">
            <v>6752203</v>
          </cell>
          <cell r="I132" t="str">
            <v>加西市牛居町480-5</v>
          </cell>
          <cell r="J132"/>
          <cell r="K132"/>
          <cell r="L132" t="str">
            <v>H1703 責任技術者不在</v>
          </cell>
          <cell r="M132"/>
          <cell r="N132"/>
        </row>
        <row r="133">
          <cell r="B133">
            <v>114</v>
          </cell>
          <cell r="C133" t="str">
            <v>有限会社三信電気設備</v>
          </cell>
          <cell r="D133" t="str">
            <v>高見義人</v>
          </cell>
          <cell r="E133" t="str">
            <v>取消</v>
          </cell>
          <cell r="F133">
            <v>42095</v>
          </cell>
          <cell r="G133">
            <v>36617</v>
          </cell>
          <cell r="H133">
            <v>6752445</v>
          </cell>
          <cell r="I133" t="str">
            <v>加西市殿原町字井ノ元866番地の4</v>
          </cell>
          <cell r="J133" t="str">
            <v>0790-44-2114</v>
          </cell>
          <cell r="K133" t="str">
            <v>0790-44-2434</v>
          </cell>
          <cell r="L133" t="str">
            <v>R2.03　更新手続きなし</v>
          </cell>
          <cell r="M133"/>
          <cell r="N133"/>
        </row>
        <row r="134">
          <cell r="B134">
            <v>115</v>
          </cell>
          <cell r="C134" t="str">
            <v>㈱吉田建設工業　</v>
          </cell>
          <cell r="D134" t="str">
            <v>吉田忠雄</v>
          </cell>
          <cell r="E134" t="str">
            <v>取消</v>
          </cell>
          <cell r="F134">
            <v>36617</v>
          </cell>
          <cell r="G134">
            <v>36617</v>
          </cell>
          <cell r="H134">
            <v>6752211</v>
          </cell>
          <cell r="I134" t="str">
            <v>加西市野田町102</v>
          </cell>
          <cell r="J134"/>
          <cell r="K134"/>
          <cell r="L134" t="str">
            <v>H1609 責任技術者不在</v>
          </cell>
          <cell r="M134"/>
          <cell r="N134"/>
        </row>
        <row r="135">
          <cell r="B135">
            <v>116</v>
          </cell>
          <cell r="C135" t="str">
            <v>光徳電機設備　　　</v>
          </cell>
          <cell r="D135" t="str">
            <v>前田忠</v>
          </cell>
          <cell r="E135" t="str">
            <v>取消</v>
          </cell>
          <cell r="F135">
            <v>40269</v>
          </cell>
          <cell r="G135">
            <v>36617</v>
          </cell>
          <cell r="H135">
            <v>6752231</v>
          </cell>
          <cell r="I135" t="str">
            <v>加西市王子町51-1　　　　　　</v>
          </cell>
          <cell r="J135" t="str">
            <v>0790-48-2775</v>
          </cell>
          <cell r="K135" t="str">
            <v>0790-48-2775</v>
          </cell>
          <cell r="L135" t="str">
            <v>Ｈ2609 責任技術者不在
H2703　更新手続きなし</v>
          </cell>
          <cell r="M135"/>
          <cell r="N135"/>
        </row>
        <row r="136">
          <cell r="B136">
            <v>117</v>
          </cell>
          <cell r="C136" t="str">
            <v>有限会社松尾電気</v>
          </cell>
          <cell r="D136" t="str">
            <v>松尾 兵吾</v>
          </cell>
          <cell r="E136">
            <v>45747</v>
          </cell>
          <cell r="F136">
            <v>43922</v>
          </cell>
          <cell r="G136">
            <v>36617</v>
          </cell>
          <cell r="H136">
            <v>6752321</v>
          </cell>
          <cell r="I136" t="str">
            <v>加西市北条町東高室706番地の1</v>
          </cell>
          <cell r="J136" t="str">
            <v>0790-42-2325</v>
          </cell>
          <cell r="K136" t="str">
            <v>0790-42-2339</v>
          </cell>
          <cell r="L136"/>
          <cell r="M136"/>
          <cell r="N136"/>
        </row>
        <row r="137">
          <cell r="B137"/>
          <cell r="C137"/>
          <cell r="D137"/>
          <cell r="E137"/>
          <cell r="F137"/>
          <cell r="G137"/>
          <cell r="H137"/>
          <cell r="I137"/>
          <cell r="J137"/>
          <cell r="K137"/>
          <cell r="L137"/>
          <cell r="M137"/>
          <cell r="N137"/>
        </row>
        <row r="138">
          <cell r="B138">
            <v>118</v>
          </cell>
          <cell r="C138" t="str">
            <v>株式会社ムネヒロ水道</v>
          </cell>
          <cell r="D138" t="str">
            <v>棟広宣尊</v>
          </cell>
          <cell r="E138">
            <v>45747</v>
          </cell>
          <cell r="F138">
            <v>43922</v>
          </cell>
          <cell r="G138">
            <v>36617</v>
          </cell>
          <cell r="H138">
            <v>6752302</v>
          </cell>
          <cell r="I138" t="str">
            <v>加西市北条町栗田66番地の7　　　　</v>
          </cell>
          <cell r="J138" t="str">
            <v>0790-42-4116</v>
          </cell>
          <cell r="K138" t="str">
            <v>0790-20-7319</v>
          </cell>
          <cell r="L138"/>
          <cell r="M138"/>
          <cell r="N138"/>
        </row>
        <row r="139">
          <cell r="B139">
            <v>119</v>
          </cell>
          <cell r="C139" t="str">
            <v>伊藤造園土木　　　</v>
          </cell>
          <cell r="D139" t="str">
            <v>伊藤博之</v>
          </cell>
          <cell r="E139">
            <v>45747</v>
          </cell>
          <cell r="F139">
            <v>43922</v>
          </cell>
          <cell r="G139">
            <v>36617</v>
          </cell>
          <cell r="H139">
            <v>6752234</v>
          </cell>
          <cell r="I139" t="str">
            <v>加西市大村町89番地</v>
          </cell>
          <cell r="J139" t="str">
            <v>0790-48-2869</v>
          </cell>
          <cell r="K139" t="str">
            <v>0790-48-2869</v>
          </cell>
          <cell r="L139"/>
          <cell r="M139"/>
          <cell r="N139"/>
        </row>
        <row r="140">
          <cell r="B140">
            <v>120</v>
          </cell>
          <cell r="C140" t="str">
            <v>神南建設㈲　　　　</v>
          </cell>
          <cell r="D140" t="str">
            <v>内藤隆文</v>
          </cell>
          <cell r="E140" t="str">
            <v>取消</v>
          </cell>
          <cell r="F140">
            <v>36617</v>
          </cell>
          <cell r="G140">
            <v>36617</v>
          </cell>
          <cell r="H140">
            <v>6792325</v>
          </cell>
          <cell r="I140" t="str">
            <v>神崎郡市川町奥112</v>
          </cell>
          <cell r="J140"/>
          <cell r="K140"/>
          <cell r="L140" t="str">
            <v>H1703 責任技術者不在</v>
          </cell>
          <cell r="M140"/>
          <cell r="N140"/>
        </row>
        <row r="141">
          <cell r="B141">
            <v>121</v>
          </cell>
          <cell r="C141" t="str">
            <v>クマクラ電機株式会社</v>
          </cell>
          <cell r="D141" t="str">
            <v>熊倉敏貴</v>
          </cell>
          <cell r="E141">
            <v>45747</v>
          </cell>
          <cell r="F141">
            <v>43922</v>
          </cell>
          <cell r="G141">
            <v>36617</v>
          </cell>
          <cell r="H141">
            <v>6752321</v>
          </cell>
          <cell r="I141" t="str">
            <v>加西市北条町東高室74番地</v>
          </cell>
          <cell r="J141" t="str">
            <v>0790-42-0189</v>
          </cell>
          <cell r="K141" t="str">
            <v>0790-42-2845</v>
          </cell>
          <cell r="L141"/>
          <cell r="M141"/>
          <cell r="N141"/>
        </row>
        <row r="142">
          <cell r="B142">
            <v>122</v>
          </cell>
          <cell r="C142" t="str">
            <v>株式会社タルイ</v>
          </cell>
          <cell r="D142" t="str">
            <v>樽井信人</v>
          </cell>
          <cell r="E142">
            <v>45747</v>
          </cell>
          <cell r="F142">
            <v>43922</v>
          </cell>
          <cell r="G142">
            <v>36617</v>
          </cell>
          <cell r="H142">
            <v>6750042</v>
          </cell>
          <cell r="I142" t="str">
            <v>加古川市西神吉町西村324番地の5</v>
          </cell>
          <cell r="J142" t="str">
            <v>079-432-0061</v>
          </cell>
          <cell r="K142" t="str">
            <v>079-432-3661</v>
          </cell>
          <cell r="L142"/>
          <cell r="M142"/>
          <cell r="N142"/>
        </row>
        <row r="143">
          <cell r="B143">
            <v>123</v>
          </cell>
          <cell r="C143" t="str">
            <v>ユタカ建設　　　　</v>
          </cell>
          <cell r="D143" t="str">
            <v>橘幸治郎</v>
          </cell>
          <cell r="E143">
            <v>45747</v>
          </cell>
          <cell r="F143">
            <v>43922</v>
          </cell>
          <cell r="G143">
            <v>36617</v>
          </cell>
          <cell r="H143">
            <v>6750012</v>
          </cell>
          <cell r="I143" t="str">
            <v>加古川市野口町野口90番地の2</v>
          </cell>
          <cell r="J143" t="str">
            <v>079-427-2675</v>
          </cell>
          <cell r="K143" t="str">
            <v>079-427-2698</v>
          </cell>
          <cell r="L143"/>
          <cell r="M143"/>
          <cell r="N143"/>
        </row>
        <row r="144">
          <cell r="B144">
            <v>124</v>
          </cell>
          <cell r="C144" t="str">
            <v>株式会社モリケン</v>
          </cell>
          <cell r="D144" t="str">
            <v>森本忠雄</v>
          </cell>
          <cell r="E144" t="str">
            <v>取消</v>
          </cell>
          <cell r="F144">
            <v>40269</v>
          </cell>
          <cell r="G144">
            <v>36617</v>
          </cell>
          <cell r="H144">
            <v>6752211</v>
          </cell>
          <cell r="I144" t="str">
            <v>加西市野田町95番地の4</v>
          </cell>
          <cell r="J144" t="str">
            <v>0790-48-4848</v>
          </cell>
          <cell r="K144" t="str">
            <v>0790-48-8060</v>
          </cell>
          <cell r="L144" t="str">
            <v>Ｈ2609 責任技術者不在
H2703　更新手続きなし</v>
          </cell>
          <cell r="M144"/>
          <cell r="N144"/>
        </row>
        <row r="145">
          <cell r="B145">
            <v>125</v>
          </cell>
          <cell r="C145" t="str">
            <v>㈱エアコンサービス</v>
          </cell>
          <cell r="D145" t="str">
            <v>藤井康孝</v>
          </cell>
          <cell r="E145" t="str">
            <v>取消</v>
          </cell>
          <cell r="F145">
            <v>36647</v>
          </cell>
          <cell r="G145">
            <v>36647</v>
          </cell>
          <cell r="H145">
            <v>6751307</v>
          </cell>
          <cell r="I145" t="str">
            <v>小野市菅田町南野739-233</v>
          </cell>
          <cell r="J145"/>
          <cell r="K145"/>
          <cell r="L145" t="str">
            <v>H2109 責任技術者不在</v>
          </cell>
          <cell r="M145"/>
          <cell r="N145"/>
        </row>
        <row r="146">
          <cell r="B146">
            <v>126</v>
          </cell>
          <cell r="C146" t="str">
            <v>上月設備工業株式会社</v>
          </cell>
          <cell r="D146" t="str">
            <v>上月昇</v>
          </cell>
          <cell r="E146" t="str">
            <v>取消</v>
          </cell>
          <cell r="F146">
            <v>40269</v>
          </cell>
          <cell r="G146">
            <v>36647</v>
          </cell>
          <cell r="H146">
            <v>6731431</v>
          </cell>
          <cell r="I146" t="str">
            <v>加東市社1511番地の2</v>
          </cell>
          <cell r="J146" t="str">
            <v>0795-42-0059</v>
          </cell>
          <cell r="K146" t="str">
            <v>0795-42-0048</v>
          </cell>
          <cell r="L146" t="str">
            <v>Ｈ2609 責任技術者不在
H2703　更新手続きなし</v>
          </cell>
          <cell r="M146"/>
          <cell r="N146"/>
        </row>
        <row r="147">
          <cell r="B147">
            <v>127</v>
          </cell>
          <cell r="C147" t="str">
            <v>株式会社竹内工業所</v>
          </cell>
          <cell r="D147" t="str">
            <v>竹内謙太郎</v>
          </cell>
          <cell r="E147">
            <v>45747</v>
          </cell>
          <cell r="F147">
            <v>43922</v>
          </cell>
          <cell r="G147">
            <v>36647</v>
          </cell>
          <cell r="H147">
            <v>6770054</v>
          </cell>
          <cell r="I147" t="str">
            <v>西脇市高松町633番地の42</v>
          </cell>
          <cell r="J147" t="str">
            <v>0795-22-2594</v>
          </cell>
          <cell r="K147" t="str">
            <v>0795-23-2159</v>
          </cell>
          <cell r="L147"/>
          <cell r="M147"/>
          <cell r="N147"/>
        </row>
        <row r="148">
          <cell r="B148">
            <v>128</v>
          </cell>
          <cell r="C148" t="str">
            <v>㈱アオイ設備工業　</v>
          </cell>
          <cell r="D148" t="str">
            <v>岡村志郎</v>
          </cell>
          <cell r="E148" t="str">
            <v>取消</v>
          </cell>
          <cell r="F148">
            <v>36678</v>
          </cell>
          <cell r="G148">
            <v>36678</v>
          </cell>
          <cell r="H148">
            <v>6711204</v>
          </cell>
          <cell r="I148" t="str">
            <v>姫路市勝原区朝日谷651-1</v>
          </cell>
          <cell r="J148"/>
          <cell r="K148"/>
          <cell r="L148" t="str">
            <v>H1703 責任技術者不在</v>
          </cell>
          <cell r="M148"/>
          <cell r="N148"/>
        </row>
        <row r="149">
          <cell r="B149">
            <v>129</v>
          </cell>
          <cell r="C149" t="str">
            <v>アクアテクノサービス(株)</v>
          </cell>
          <cell r="D149" t="str">
            <v>林山一枝</v>
          </cell>
          <cell r="E149" t="str">
            <v>取消</v>
          </cell>
          <cell r="F149">
            <v>36678</v>
          </cell>
          <cell r="G149">
            <v>36678</v>
          </cell>
          <cell r="H149"/>
          <cell r="I149" t="str">
            <v>加東市山国2019-47</v>
          </cell>
          <cell r="J149"/>
          <cell r="K149"/>
          <cell r="L149" t="str">
            <v>H2109 責任技術者不在</v>
          </cell>
          <cell r="M149"/>
          <cell r="N149"/>
        </row>
        <row r="150">
          <cell r="B150">
            <v>130</v>
          </cell>
          <cell r="C150" t="str">
            <v>㈲高見電工　　　　</v>
          </cell>
          <cell r="D150" t="str">
            <v>高見透</v>
          </cell>
          <cell r="E150" t="str">
            <v>取消</v>
          </cell>
          <cell r="F150">
            <v>36708</v>
          </cell>
          <cell r="G150">
            <v>36708</v>
          </cell>
          <cell r="H150">
            <v>6752312</v>
          </cell>
          <cell r="I150" t="str">
            <v>加西市北条町北条283-15</v>
          </cell>
          <cell r="J150"/>
          <cell r="K150"/>
          <cell r="L150" t="str">
            <v>H2109 責任技術者不在</v>
          </cell>
          <cell r="M150"/>
          <cell r="N150"/>
        </row>
        <row r="151">
          <cell r="B151">
            <v>131</v>
          </cell>
          <cell r="C151" t="str">
            <v>蔵前商事株式会社</v>
          </cell>
          <cell r="D151" t="str">
            <v>蔵前清一</v>
          </cell>
          <cell r="E151">
            <v>45747</v>
          </cell>
          <cell r="F151">
            <v>43922</v>
          </cell>
          <cell r="G151">
            <v>36708</v>
          </cell>
          <cell r="H151">
            <v>6790221</v>
          </cell>
          <cell r="I151" t="str">
            <v>加東市河高2467番地</v>
          </cell>
          <cell r="J151" t="str">
            <v>0795-48-3168</v>
          </cell>
          <cell r="K151" t="str">
            <v>0795-48-2244</v>
          </cell>
          <cell r="L151"/>
          <cell r="M151"/>
          <cell r="N151"/>
        </row>
        <row r="152">
          <cell r="B152">
            <v>132</v>
          </cell>
          <cell r="C152" t="str">
            <v>株式会社協和</v>
          </cell>
          <cell r="D152" t="str">
            <v>木許末廣</v>
          </cell>
          <cell r="E152" t="str">
            <v>取消</v>
          </cell>
          <cell r="F152">
            <v>40269</v>
          </cell>
          <cell r="G152">
            <v>38443</v>
          </cell>
          <cell r="H152">
            <v>6660002</v>
          </cell>
          <cell r="I152" t="str">
            <v>川西市滝山町12番13号</v>
          </cell>
          <cell r="J152" t="str">
            <v>072-757-5038</v>
          </cell>
          <cell r="K152" t="str">
            <v>072-759-5815</v>
          </cell>
          <cell r="L152" t="str">
            <v>H2609 責任技術者不在
H2702 辞退届提出</v>
          </cell>
          <cell r="M152"/>
          <cell r="N152"/>
        </row>
        <row r="153">
          <cell r="B153">
            <v>133</v>
          </cell>
          <cell r="C153" t="str">
            <v>友幸建設㈲　　　　</v>
          </cell>
          <cell r="D153" t="str">
            <v>小寺幸一</v>
          </cell>
          <cell r="E153" t="str">
            <v>取消</v>
          </cell>
          <cell r="F153">
            <v>36708</v>
          </cell>
          <cell r="G153">
            <v>36708</v>
          </cell>
          <cell r="H153">
            <v>6750143</v>
          </cell>
          <cell r="I153" t="str">
            <v>加古郡播磨町宮北３丁目9-13</v>
          </cell>
          <cell r="J153"/>
          <cell r="K153"/>
          <cell r="L153" t="str">
            <v>H1703 責任技術者不在</v>
          </cell>
          <cell r="M153"/>
          <cell r="N153"/>
        </row>
        <row r="154">
          <cell r="B154">
            <v>134</v>
          </cell>
          <cell r="C154" t="str">
            <v>柏木設備　　　　　</v>
          </cell>
          <cell r="D154" t="str">
            <v>柏木秀樹</v>
          </cell>
          <cell r="E154" t="str">
            <v>取消</v>
          </cell>
          <cell r="F154">
            <v>40269</v>
          </cell>
          <cell r="G154">
            <v>36708</v>
          </cell>
          <cell r="H154">
            <v>6751379</v>
          </cell>
          <cell r="I154" t="str">
            <v>小野市上本町48-3</v>
          </cell>
          <cell r="J154" t="str">
            <v>0794-62-2985</v>
          </cell>
          <cell r="K154" t="str">
            <v>0794-62-4605</v>
          </cell>
          <cell r="L154" t="str">
            <v>H2703　更新手続きなし</v>
          </cell>
          <cell r="M154"/>
          <cell r="N154"/>
        </row>
        <row r="155">
          <cell r="B155">
            <v>135</v>
          </cell>
          <cell r="C155" t="str">
            <v>㈲小林住設　　　　</v>
          </cell>
          <cell r="D155" t="str">
            <v>小林好一</v>
          </cell>
          <cell r="E155" t="str">
            <v>取消</v>
          </cell>
          <cell r="F155">
            <v>36708</v>
          </cell>
          <cell r="G155">
            <v>36708</v>
          </cell>
          <cell r="H155">
            <v>6731424</v>
          </cell>
          <cell r="I155" t="str">
            <v>加東郡社町中古瀬326</v>
          </cell>
          <cell r="J155"/>
          <cell r="K155"/>
          <cell r="L155" t="str">
            <v>H1703 責任技術者不在</v>
          </cell>
          <cell r="M155"/>
          <cell r="N155"/>
        </row>
        <row r="156">
          <cell r="B156">
            <v>136</v>
          </cell>
          <cell r="C156" t="str">
            <v>㈲新生電設　　</v>
          </cell>
          <cell r="D156" t="str">
            <v>松尾一三</v>
          </cell>
          <cell r="E156" t="str">
            <v>取消</v>
          </cell>
          <cell r="F156">
            <v>36708</v>
          </cell>
          <cell r="G156">
            <v>36708</v>
          </cell>
          <cell r="H156">
            <v>6751358</v>
          </cell>
          <cell r="I156" t="str">
            <v>小野市粟生町1938</v>
          </cell>
          <cell r="J156"/>
          <cell r="K156"/>
          <cell r="L156" t="str">
            <v>H2109 責任技術者不在</v>
          </cell>
          <cell r="M156"/>
          <cell r="N156"/>
        </row>
        <row r="157">
          <cell r="B157">
            <v>137</v>
          </cell>
          <cell r="C157" t="str">
            <v>株式会社井上デンキ　</v>
          </cell>
          <cell r="D157" t="str">
            <v>山本保</v>
          </cell>
          <cell r="E157">
            <v>45747</v>
          </cell>
          <cell r="F157">
            <v>43922</v>
          </cell>
          <cell r="G157">
            <v>36708</v>
          </cell>
          <cell r="H157">
            <v>6790221</v>
          </cell>
          <cell r="I157" t="str">
            <v>加東市河高2482番地</v>
          </cell>
          <cell r="J157" t="str">
            <v>0795-48-2167</v>
          </cell>
          <cell r="K157" t="str">
            <v>0795-48-2168</v>
          </cell>
          <cell r="L157"/>
          <cell r="M157"/>
          <cell r="N157"/>
        </row>
        <row r="158">
          <cell r="B158">
            <v>138</v>
          </cell>
          <cell r="C158" t="str">
            <v>朝比奈興産株式会社</v>
          </cell>
          <cell r="D158" t="str">
            <v>朝比奈秀典</v>
          </cell>
          <cell r="E158">
            <v>45747</v>
          </cell>
          <cell r="F158">
            <v>43922</v>
          </cell>
          <cell r="G158">
            <v>36708</v>
          </cell>
          <cell r="H158">
            <v>6740092</v>
          </cell>
          <cell r="I158" t="str">
            <v>明石市二見町東二見1457番地の4</v>
          </cell>
          <cell r="J158" t="str">
            <v>078-942-2666</v>
          </cell>
          <cell r="K158" t="str">
            <v>078-943-6818</v>
          </cell>
          <cell r="L158"/>
          <cell r="M158"/>
          <cell r="N158"/>
        </row>
        <row r="159">
          <cell r="B159"/>
          <cell r="C159"/>
          <cell r="D159"/>
          <cell r="E159"/>
          <cell r="F159"/>
          <cell r="G159"/>
          <cell r="H159"/>
          <cell r="I159"/>
          <cell r="J159"/>
          <cell r="K159"/>
          <cell r="L159"/>
          <cell r="M159"/>
          <cell r="N159"/>
        </row>
        <row r="160">
          <cell r="B160">
            <v>139</v>
          </cell>
          <cell r="C160" t="str">
            <v>大吉住研㈱　　</v>
          </cell>
          <cell r="D160" t="str">
            <v>大江吉造</v>
          </cell>
          <cell r="E160" t="str">
            <v>取消</v>
          </cell>
          <cell r="F160">
            <v>36708</v>
          </cell>
          <cell r="G160">
            <v>36708</v>
          </cell>
          <cell r="H160">
            <v>6712103</v>
          </cell>
          <cell r="I160" t="str">
            <v>飾磨郡夢前町前之庄1987-10　　</v>
          </cell>
          <cell r="J160"/>
          <cell r="K160"/>
          <cell r="L160" t="str">
            <v>H1703 責任技術者不在</v>
          </cell>
          <cell r="M160"/>
          <cell r="N160"/>
        </row>
        <row r="161">
          <cell r="B161">
            <v>140</v>
          </cell>
          <cell r="C161" t="str">
            <v>株式会社イワクニ</v>
          </cell>
          <cell r="D161" t="str">
            <v>岩國学</v>
          </cell>
          <cell r="E161">
            <v>45747</v>
          </cell>
          <cell r="F161">
            <v>43922</v>
          </cell>
          <cell r="G161">
            <v>36708</v>
          </cell>
          <cell r="H161">
            <v>6712241</v>
          </cell>
          <cell r="I161" t="str">
            <v>姫路市刀出134番地4</v>
          </cell>
          <cell r="J161" t="str">
            <v>079-266-7901</v>
          </cell>
          <cell r="K161" t="str">
            <v>079-267-2954</v>
          </cell>
          <cell r="L161"/>
          <cell r="M161"/>
          <cell r="N161"/>
        </row>
        <row r="162">
          <cell r="B162">
            <v>141</v>
          </cell>
          <cell r="C162" t="str">
            <v>優設備　　　　　　</v>
          </cell>
          <cell r="D162" t="str">
            <v>西山優</v>
          </cell>
          <cell r="E162" t="str">
            <v>取消</v>
          </cell>
          <cell r="F162">
            <v>42095</v>
          </cell>
          <cell r="G162">
            <v>36739</v>
          </cell>
          <cell r="H162">
            <v>6731472</v>
          </cell>
          <cell r="I162" t="str">
            <v>加東市上三草469</v>
          </cell>
          <cell r="J162" t="str">
            <v>0795-42-7778</v>
          </cell>
          <cell r="K162" t="str">
            <v>0795-42-7785</v>
          </cell>
          <cell r="L162"/>
          <cell r="M162"/>
          <cell r="N162"/>
        </row>
        <row r="163">
          <cell r="B163">
            <v>142</v>
          </cell>
          <cell r="C163" t="str">
            <v>藤澤工業株式会社</v>
          </cell>
          <cell r="D163" t="str">
            <v>藤澤嘉彦</v>
          </cell>
          <cell r="E163">
            <v>45747</v>
          </cell>
          <cell r="F163">
            <v>43922</v>
          </cell>
          <cell r="G163">
            <v>36739</v>
          </cell>
          <cell r="H163">
            <v>6792204</v>
          </cell>
          <cell r="I163" t="str">
            <v>神崎郡福崎町西田原1946番地1　</v>
          </cell>
          <cell r="J163" t="str">
            <v>0790-22-5597</v>
          </cell>
          <cell r="K163" t="str">
            <v>0790-22-5776</v>
          </cell>
          <cell r="L163"/>
          <cell r="M163"/>
          <cell r="N163"/>
        </row>
        <row r="164">
          <cell r="B164"/>
          <cell r="C164"/>
          <cell r="D164"/>
          <cell r="E164"/>
          <cell r="F164"/>
          <cell r="G164"/>
          <cell r="H164"/>
          <cell r="I164"/>
          <cell r="J164"/>
          <cell r="K164"/>
          <cell r="L164"/>
          <cell r="M164"/>
          <cell r="N164"/>
        </row>
        <row r="165">
          <cell r="B165">
            <v>143</v>
          </cell>
          <cell r="C165" t="str">
            <v>㈲あしもく　　　　</v>
          </cell>
          <cell r="D165" t="str">
            <v>芦田正美</v>
          </cell>
          <cell r="E165" t="str">
            <v>取消</v>
          </cell>
          <cell r="F165">
            <v>36739</v>
          </cell>
          <cell r="G165">
            <v>36739</v>
          </cell>
          <cell r="H165">
            <v>6693311</v>
          </cell>
          <cell r="I165" t="str">
            <v>氷上郡柏原町母坪331-1　　</v>
          </cell>
          <cell r="J165"/>
          <cell r="K165"/>
          <cell r="L165" t="str">
            <v>H1703 責任技術者不在</v>
          </cell>
          <cell r="M165"/>
          <cell r="N165"/>
        </row>
        <row r="166">
          <cell r="B166">
            <v>144</v>
          </cell>
          <cell r="C166" t="str">
            <v>ｱﾎﾟﾛﾃｯｸ㈱　　　　</v>
          </cell>
          <cell r="D166" t="str">
            <v>前田健二</v>
          </cell>
          <cell r="E166" t="str">
            <v>取消</v>
          </cell>
          <cell r="F166">
            <v>36739</v>
          </cell>
          <cell r="G166">
            <v>36739</v>
          </cell>
          <cell r="H166">
            <v>6792204</v>
          </cell>
          <cell r="I166" t="str">
            <v>神崎郡福崎町西田原1992-1　　</v>
          </cell>
          <cell r="J166"/>
          <cell r="K166"/>
          <cell r="L166" t="str">
            <v>H1703 責任技術者不在</v>
          </cell>
          <cell r="M166"/>
          <cell r="N166"/>
        </row>
        <row r="167">
          <cell r="B167">
            <v>145</v>
          </cell>
          <cell r="C167" t="str">
            <v>㈲西脇燃料　　　　</v>
          </cell>
          <cell r="D167" t="str">
            <v>梶原清照</v>
          </cell>
          <cell r="E167" t="str">
            <v>取消</v>
          </cell>
          <cell r="F167">
            <v>36739</v>
          </cell>
          <cell r="G167">
            <v>36739</v>
          </cell>
          <cell r="H167">
            <v>6770044</v>
          </cell>
          <cell r="I167" t="str">
            <v>西脇市上野426　　　　　　　</v>
          </cell>
          <cell r="J167"/>
          <cell r="K167"/>
          <cell r="L167" t="str">
            <v>H1703 責任技術者不在</v>
          </cell>
          <cell r="M167"/>
          <cell r="N167"/>
        </row>
        <row r="168">
          <cell r="B168">
            <v>146</v>
          </cell>
          <cell r="C168" t="str">
            <v>播水設備興業株式会社</v>
          </cell>
          <cell r="D168" t="str">
            <v>澤田雅一</v>
          </cell>
          <cell r="E168">
            <v>45747</v>
          </cell>
          <cell r="F168">
            <v>43922</v>
          </cell>
          <cell r="G168">
            <v>36739</v>
          </cell>
          <cell r="H168">
            <v>6700952</v>
          </cell>
          <cell r="I168" t="str">
            <v>姫路市南条二丁目50番地　　　</v>
          </cell>
          <cell r="J168" t="str">
            <v>079-284-2827</v>
          </cell>
          <cell r="K168" t="str">
            <v>079-284-2824</v>
          </cell>
          <cell r="L168"/>
          <cell r="M168"/>
          <cell r="N168"/>
        </row>
        <row r="169">
          <cell r="B169"/>
          <cell r="C169"/>
          <cell r="D169"/>
          <cell r="E169"/>
          <cell r="F169"/>
          <cell r="G169"/>
          <cell r="H169"/>
          <cell r="I169"/>
          <cell r="J169"/>
          <cell r="K169"/>
          <cell r="L169"/>
          <cell r="M169"/>
          <cell r="N169"/>
        </row>
        <row r="170">
          <cell r="B170">
            <v>147</v>
          </cell>
          <cell r="C170" t="str">
            <v>㈲森　成　　　　</v>
          </cell>
          <cell r="D170" t="str">
            <v>森山成宏</v>
          </cell>
          <cell r="E170" t="str">
            <v>取消</v>
          </cell>
          <cell r="F170">
            <v>36739</v>
          </cell>
          <cell r="G170">
            <v>36739</v>
          </cell>
          <cell r="H170">
            <v>6620856</v>
          </cell>
          <cell r="I170" t="str">
            <v xml:space="preserve">西宮市城ケ堀町2-21　　 </v>
          </cell>
          <cell r="J170"/>
          <cell r="K170"/>
          <cell r="L170" t="str">
            <v>H1703 責任技術者不在</v>
          </cell>
          <cell r="M170"/>
          <cell r="N170"/>
        </row>
        <row r="171">
          <cell r="B171">
            <v>148</v>
          </cell>
          <cell r="C171" t="str">
            <v>株式会社阪神水道　　　　</v>
          </cell>
          <cell r="D171" t="str">
            <v>星本明廣</v>
          </cell>
          <cell r="E171">
            <v>45747</v>
          </cell>
          <cell r="F171">
            <v>43922</v>
          </cell>
          <cell r="G171">
            <v>36739</v>
          </cell>
          <cell r="H171">
            <v>6750009</v>
          </cell>
          <cell r="I171" t="str">
            <v>加古川市神野町西条1138番地の3　　</v>
          </cell>
          <cell r="J171" t="str">
            <v>079-438-8088</v>
          </cell>
          <cell r="K171" t="str">
            <v>079-438-8093</v>
          </cell>
          <cell r="L171"/>
          <cell r="M171"/>
          <cell r="N171"/>
        </row>
        <row r="172">
          <cell r="B172">
            <v>149</v>
          </cell>
          <cell r="C172" t="str">
            <v>有限会社德岡興産</v>
          </cell>
          <cell r="D172" t="str">
            <v>德岡功</v>
          </cell>
          <cell r="E172" t="str">
            <v>取消</v>
          </cell>
          <cell r="F172">
            <v>40269</v>
          </cell>
          <cell r="G172">
            <v>36739</v>
          </cell>
          <cell r="H172">
            <v>6791212</v>
          </cell>
          <cell r="I172" t="str">
            <v>多可郡多可町加美区西脇532番地　　　　</v>
          </cell>
          <cell r="J172" t="str">
            <v>0795-35-1131</v>
          </cell>
          <cell r="K172" t="str">
            <v>0795-35-1185</v>
          </cell>
          <cell r="L172" t="str">
            <v>Ｈ2609 責任技術者不在
H2703　更新手続きなし</v>
          </cell>
          <cell r="M172"/>
          <cell r="N172"/>
        </row>
        <row r="173">
          <cell r="B173">
            <v>150</v>
          </cell>
          <cell r="C173" t="str">
            <v>ハリマ設備工業株式会社</v>
          </cell>
          <cell r="D173" t="str">
            <v>山中賢作</v>
          </cell>
          <cell r="E173">
            <v>45747</v>
          </cell>
          <cell r="F173">
            <v>43922</v>
          </cell>
          <cell r="G173">
            <v>36770</v>
          </cell>
          <cell r="H173">
            <v>6711231</v>
          </cell>
          <cell r="I173" t="str">
            <v>姫路市網干区大江島101番地　　　</v>
          </cell>
          <cell r="J173" t="str">
            <v>079-273-0025</v>
          </cell>
          <cell r="K173" t="str">
            <v>079-273-9820</v>
          </cell>
          <cell r="L173"/>
          <cell r="M173"/>
          <cell r="N173"/>
        </row>
        <row r="174">
          <cell r="B174"/>
          <cell r="C174"/>
          <cell r="D174"/>
          <cell r="E174" t="str">
            <v>取消</v>
          </cell>
          <cell r="F174"/>
          <cell r="G174"/>
          <cell r="H174"/>
          <cell r="I174"/>
          <cell r="J174"/>
          <cell r="K174"/>
          <cell r="L174" t="str">
            <v>Ｈ2609　責任技術者不在</v>
          </cell>
          <cell r="M174"/>
          <cell r="N174"/>
        </row>
        <row r="175">
          <cell r="B175">
            <v>151</v>
          </cell>
          <cell r="C175" t="str">
            <v>兵庫県農業協同組合連合会</v>
          </cell>
          <cell r="D175" t="str">
            <v>今井和男</v>
          </cell>
          <cell r="E175" t="str">
            <v>取消</v>
          </cell>
          <cell r="F175">
            <v>36770</v>
          </cell>
          <cell r="G175">
            <v>36770</v>
          </cell>
          <cell r="H175">
            <v>6512147</v>
          </cell>
          <cell r="I175" t="str">
            <v>神戸市西区玉津町田中字田井334　</v>
          </cell>
          <cell r="J175"/>
          <cell r="K175"/>
          <cell r="L175" t="str">
            <v>H1703 責任技術者不在</v>
          </cell>
          <cell r="M175"/>
          <cell r="N175"/>
        </row>
        <row r="176">
          <cell r="B176">
            <v>152</v>
          </cell>
          <cell r="C176" t="str">
            <v>㈲松本水道　　　　</v>
          </cell>
          <cell r="D176" t="str">
            <v>松本幸雄</v>
          </cell>
          <cell r="E176" t="str">
            <v>取消</v>
          </cell>
          <cell r="F176">
            <v>36770</v>
          </cell>
          <cell r="G176">
            <v>36770</v>
          </cell>
          <cell r="H176">
            <v>6530806</v>
          </cell>
          <cell r="I176" t="str">
            <v xml:space="preserve">神戸市長田区大丸町2丁目12-10 </v>
          </cell>
          <cell r="J176"/>
          <cell r="K176"/>
          <cell r="L176" t="str">
            <v>H1703 責任技術者不在</v>
          </cell>
          <cell r="M176"/>
          <cell r="N176"/>
        </row>
        <row r="177">
          <cell r="B177">
            <v>153</v>
          </cell>
          <cell r="C177" t="str">
            <v>西部住建㈱　　　　</v>
          </cell>
          <cell r="D177" t="str">
            <v>下野壽重</v>
          </cell>
          <cell r="E177" t="str">
            <v>取消</v>
          </cell>
          <cell r="F177">
            <v>36770</v>
          </cell>
          <cell r="G177">
            <v>36770</v>
          </cell>
          <cell r="H177"/>
          <cell r="I177" t="str">
            <v>加東市高岡718-1　　　</v>
          </cell>
          <cell r="J177"/>
          <cell r="K177"/>
          <cell r="L177" t="str">
            <v>辞退</v>
          </cell>
          <cell r="M177" t="str">
            <v>H19.10.19辞退届（会社解散）</v>
          </cell>
          <cell r="N177"/>
        </row>
        <row r="178">
          <cell r="B178">
            <v>154</v>
          </cell>
          <cell r="C178" t="str">
            <v>株式会社日産設備</v>
          </cell>
          <cell r="D178" t="str">
            <v>和田久雄</v>
          </cell>
          <cell r="E178" t="str">
            <v>取消</v>
          </cell>
          <cell r="F178">
            <v>42095</v>
          </cell>
          <cell r="G178">
            <v>36770</v>
          </cell>
          <cell r="H178">
            <v>6750019</v>
          </cell>
          <cell r="I178" t="str">
            <v>加古川市野口町水足515番地の3　　</v>
          </cell>
          <cell r="J178" t="str">
            <v>079-424-3981</v>
          </cell>
          <cell r="K178" t="str">
            <v>079-425-1663</v>
          </cell>
          <cell r="L178" t="str">
            <v>辞退　　　　　　Ｈ29.4.20辞退届提出</v>
          </cell>
          <cell r="M178"/>
          <cell r="N178"/>
        </row>
        <row r="179">
          <cell r="B179">
            <v>155</v>
          </cell>
          <cell r="C179" t="str">
            <v>井岡設備工業　　</v>
          </cell>
          <cell r="D179" t="str">
            <v>井岡彬祐</v>
          </cell>
          <cell r="E179" t="str">
            <v>取消</v>
          </cell>
          <cell r="F179">
            <v>36800</v>
          </cell>
          <cell r="G179">
            <v>36800</v>
          </cell>
          <cell r="H179">
            <v>6700055</v>
          </cell>
          <cell r="I179" t="str">
            <v>姫路市神子岡前1-11-8　　　</v>
          </cell>
          <cell r="J179"/>
          <cell r="K179"/>
          <cell r="L179" t="str">
            <v>H1703 責任技術者不在</v>
          </cell>
          <cell r="M179"/>
          <cell r="N179"/>
        </row>
        <row r="180">
          <cell r="B180">
            <v>156</v>
          </cell>
          <cell r="C180" t="str">
            <v>ナカノ水道㈲　　　</v>
          </cell>
          <cell r="D180" t="str">
            <v>中野政幸</v>
          </cell>
          <cell r="E180" t="str">
            <v>取消</v>
          </cell>
          <cell r="F180">
            <v>36800</v>
          </cell>
          <cell r="G180">
            <v>36800</v>
          </cell>
          <cell r="H180">
            <v>6728037</v>
          </cell>
          <cell r="I180" t="str">
            <v>姫路市飾磨区阿成429　　　　</v>
          </cell>
          <cell r="J180"/>
          <cell r="K180"/>
          <cell r="L180"/>
          <cell r="M180"/>
          <cell r="N180"/>
        </row>
        <row r="181">
          <cell r="B181">
            <v>157</v>
          </cell>
          <cell r="C181" t="str">
            <v>新盛土木株式会社</v>
          </cell>
          <cell r="D181" t="str">
            <v>塚原隆雄</v>
          </cell>
          <cell r="E181" t="str">
            <v>取消</v>
          </cell>
          <cell r="F181">
            <v>40269</v>
          </cell>
          <cell r="G181">
            <v>36800</v>
          </cell>
          <cell r="H181">
            <v>6752313</v>
          </cell>
          <cell r="I181" t="str">
            <v>加西市北条町黒駒121番地　　</v>
          </cell>
          <cell r="J181" t="str">
            <v>0790-42-2791</v>
          </cell>
          <cell r="K181" t="str">
            <v>0790-42-5557</v>
          </cell>
          <cell r="L181" t="str">
            <v>H2210 責任技術者不在</v>
          </cell>
          <cell r="M181"/>
          <cell r="N181"/>
        </row>
        <row r="182">
          <cell r="B182">
            <v>158</v>
          </cell>
          <cell r="C182" t="str">
            <v>神吉設備工業　　　</v>
          </cell>
          <cell r="D182" t="str">
            <v>神吉節也</v>
          </cell>
          <cell r="E182" t="str">
            <v>取消</v>
          </cell>
          <cell r="F182">
            <v>36800</v>
          </cell>
          <cell r="G182">
            <v>36800</v>
          </cell>
          <cell r="H182">
            <v>6750053</v>
          </cell>
          <cell r="I182" t="str">
            <v>加古川市米田町船頭594　　</v>
          </cell>
          <cell r="J182"/>
          <cell r="K182"/>
          <cell r="L182" t="str">
            <v>H2109 責任技術者不在</v>
          </cell>
          <cell r="M182"/>
          <cell r="N182"/>
        </row>
        <row r="183">
          <cell r="B183">
            <v>159</v>
          </cell>
          <cell r="C183" t="str">
            <v>株式会社フジイ</v>
          </cell>
          <cell r="D183" t="str">
            <v>高田和樹</v>
          </cell>
          <cell r="E183">
            <v>45747</v>
          </cell>
          <cell r="F183">
            <v>43922</v>
          </cell>
          <cell r="G183">
            <v>36831</v>
          </cell>
          <cell r="H183">
            <v>6731475</v>
          </cell>
          <cell r="I183" t="str">
            <v>加東市吉馬1788番地の1　　　　</v>
          </cell>
          <cell r="J183" t="str">
            <v>0795-42-5225</v>
          </cell>
          <cell r="K183" t="str">
            <v>0795-42-5224</v>
          </cell>
          <cell r="L183"/>
          <cell r="M183"/>
          <cell r="N183"/>
        </row>
        <row r="184">
          <cell r="B184">
            <v>160</v>
          </cell>
          <cell r="C184" t="str">
            <v>株式会社豊設備商会</v>
          </cell>
          <cell r="D184" t="str">
            <v>溝口伸一</v>
          </cell>
          <cell r="E184" t="str">
            <v>取消</v>
          </cell>
          <cell r="F184">
            <v>42095</v>
          </cell>
          <cell r="G184">
            <v>36831</v>
          </cell>
          <cell r="H184">
            <v>6760082</v>
          </cell>
          <cell r="I184" t="str">
            <v>高砂市松陽二丁目345番地の4　　</v>
          </cell>
          <cell r="J184" t="str">
            <v>079-447-6771</v>
          </cell>
          <cell r="K184" t="str">
            <v>079-447-1968</v>
          </cell>
          <cell r="L184" t="str">
            <v>R2.03　更新手続きなし</v>
          </cell>
          <cell r="M184"/>
          <cell r="N184"/>
        </row>
        <row r="185">
          <cell r="B185">
            <v>161</v>
          </cell>
          <cell r="C185" t="str">
            <v>ﾃﾗﾏｴ設備工業株式会社</v>
          </cell>
          <cell r="D185" t="str">
            <v>浅田修一</v>
          </cell>
          <cell r="E185">
            <v>45747</v>
          </cell>
          <cell r="F185">
            <v>43922</v>
          </cell>
          <cell r="G185">
            <v>36831</v>
          </cell>
          <cell r="H185">
            <v>6792153</v>
          </cell>
          <cell r="I185" t="str">
            <v xml:space="preserve">姫路市香寺町田野825番地の1　   </v>
          </cell>
          <cell r="J185" t="str">
            <v>079-232-7171</v>
          </cell>
          <cell r="K185" t="str">
            <v>079-232-7172</v>
          </cell>
          <cell r="L185"/>
          <cell r="M185"/>
          <cell r="N185"/>
        </row>
        <row r="186">
          <cell r="B186"/>
          <cell r="C186"/>
          <cell r="D186"/>
          <cell r="E186"/>
          <cell r="F186"/>
          <cell r="G186"/>
          <cell r="H186"/>
          <cell r="I186"/>
          <cell r="J186"/>
          <cell r="K186"/>
          <cell r="L186"/>
          <cell r="M186"/>
          <cell r="N186"/>
        </row>
        <row r="187">
          <cell r="B187"/>
          <cell r="C187"/>
          <cell r="D187"/>
          <cell r="E187"/>
          <cell r="F187"/>
          <cell r="G187"/>
          <cell r="H187"/>
          <cell r="I187"/>
          <cell r="J187"/>
          <cell r="K187"/>
          <cell r="L187"/>
          <cell r="M187"/>
          <cell r="N187"/>
        </row>
        <row r="188">
          <cell r="B188"/>
          <cell r="C188"/>
          <cell r="D188"/>
          <cell r="E188"/>
          <cell r="F188"/>
          <cell r="G188"/>
          <cell r="H188"/>
          <cell r="I188"/>
          <cell r="J188"/>
          <cell r="K188"/>
          <cell r="L188"/>
          <cell r="M188"/>
          <cell r="N188"/>
        </row>
        <row r="189">
          <cell r="B189">
            <v>162</v>
          </cell>
          <cell r="C189" t="str">
            <v>森永産業株式会社</v>
          </cell>
          <cell r="D189" t="str">
            <v>有元 光昭</v>
          </cell>
          <cell r="E189" t="str">
            <v>取消</v>
          </cell>
          <cell r="F189">
            <v>42461</v>
          </cell>
          <cell r="G189">
            <v>36982</v>
          </cell>
          <cell r="H189">
            <v>6760801</v>
          </cell>
          <cell r="I189" t="str">
            <v>高砂市米田町米田新351番地　</v>
          </cell>
          <cell r="J189" t="str">
            <v>079-431-3575</v>
          </cell>
          <cell r="K189" t="str">
            <v>079-431-1368</v>
          </cell>
          <cell r="L189" t="str">
            <v>R1.9　責任技術者不在</v>
          </cell>
          <cell r="M189"/>
          <cell r="N189"/>
        </row>
        <row r="190">
          <cell r="B190">
            <v>163</v>
          </cell>
          <cell r="C190" t="str">
            <v>浅野建設　　　　　</v>
          </cell>
          <cell r="D190" t="str">
            <v>浅野登志雄</v>
          </cell>
          <cell r="E190" t="str">
            <v>取消</v>
          </cell>
          <cell r="F190">
            <v>36861</v>
          </cell>
          <cell r="G190">
            <v>36861</v>
          </cell>
          <cell r="H190">
            <v>6790311</v>
          </cell>
          <cell r="I190" t="str">
            <v>多可郡黒田庄町喜多703-2　　　</v>
          </cell>
          <cell r="J190"/>
          <cell r="K190"/>
          <cell r="L190" t="str">
            <v>H1703 責任技術者不在</v>
          </cell>
          <cell r="M190"/>
          <cell r="N190"/>
        </row>
        <row r="191">
          <cell r="B191">
            <v>164</v>
          </cell>
          <cell r="C191" t="str">
            <v>ふじお水道　　　</v>
          </cell>
          <cell r="D191" t="str">
            <v>藤尾武彦</v>
          </cell>
          <cell r="E191" t="str">
            <v>取消</v>
          </cell>
          <cell r="F191">
            <v>36892</v>
          </cell>
          <cell r="G191">
            <v>36892</v>
          </cell>
          <cell r="H191">
            <v>6700000</v>
          </cell>
          <cell r="I191" t="str">
            <v>姫路市香寺町中寺259-156　　</v>
          </cell>
          <cell r="J191"/>
          <cell r="K191"/>
          <cell r="L191" t="str">
            <v>Ｈ2203 更新手続きなし</v>
          </cell>
          <cell r="M191"/>
          <cell r="N191"/>
        </row>
        <row r="192">
          <cell r="B192">
            <v>165</v>
          </cell>
          <cell r="C192" t="str">
            <v>㈲守工務店　　　　</v>
          </cell>
          <cell r="D192" t="str">
            <v>田中守</v>
          </cell>
          <cell r="E192" t="str">
            <v>取消</v>
          </cell>
          <cell r="F192">
            <v>36892</v>
          </cell>
          <cell r="G192">
            <v>36892</v>
          </cell>
          <cell r="H192">
            <v>6790222</v>
          </cell>
          <cell r="I192" t="str">
            <v>加東郡滝野町高岡328　　　　</v>
          </cell>
          <cell r="J192"/>
          <cell r="K192"/>
          <cell r="L192" t="str">
            <v>H1703 責任技術者不在</v>
          </cell>
          <cell r="M192"/>
          <cell r="N192"/>
        </row>
        <row r="193">
          <cell r="B193">
            <v>166</v>
          </cell>
          <cell r="C193" t="str">
            <v>伊藤建設工業株式会社</v>
          </cell>
          <cell r="D193" t="str">
            <v>伊藤正夫</v>
          </cell>
          <cell r="E193" t="str">
            <v>取消</v>
          </cell>
          <cell r="F193">
            <v>40269</v>
          </cell>
          <cell r="G193">
            <v>36892</v>
          </cell>
          <cell r="H193">
            <v>6710254</v>
          </cell>
          <cell r="I193" t="str">
            <v>姫路市花田町勅旨179番地　　</v>
          </cell>
          <cell r="J193" t="str">
            <v>079-253-1100</v>
          </cell>
          <cell r="K193" t="str">
            <v>079-253-1101</v>
          </cell>
          <cell r="L193" t="str">
            <v>H2210 責任技術者不在</v>
          </cell>
          <cell r="M193"/>
          <cell r="N193"/>
        </row>
        <row r="194">
          <cell r="B194">
            <v>167</v>
          </cell>
          <cell r="C194" t="str">
            <v>共栄住宅設備工業株式会社</v>
          </cell>
          <cell r="D194" t="str">
            <v>松岡勝也</v>
          </cell>
          <cell r="E194">
            <v>45747</v>
          </cell>
          <cell r="F194">
            <v>43922</v>
          </cell>
          <cell r="G194">
            <v>36892</v>
          </cell>
          <cell r="H194">
            <v>6790212</v>
          </cell>
          <cell r="I194" t="str">
            <v>加東市下滝野220番地</v>
          </cell>
          <cell r="J194" t="str">
            <v>0795-48-2375</v>
          </cell>
          <cell r="K194" t="str">
            <v>0795-48-4729</v>
          </cell>
          <cell r="L194"/>
          <cell r="M194"/>
          <cell r="N194"/>
        </row>
        <row r="195">
          <cell r="B195">
            <v>168</v>
          </cell>
          <cell r="C195" t="str">
            <v>㈱ナカタ産業　　　</v>
          </cell>
          <cell r="D195" t="str">
            <v>仲田一兵</v>
          </cell>
          <cell r="E195" t="str">
            <v>取消</v>
          </cell>
          <cell r="F195">
            <v>36923</v>
          </cell>
          <cell r="G195">
            <v>36923</v>
          </cell>
          <cell r="H195">
            <v>6770066</v>
          </cell>
          <cell r="I195" t="str">
            <v>西脇市水尾町555　　　　　</v>
          </cell>
          <cell r="J195"/>
          <cell r="K195"/>
          <cell r="L195" t="str">
            <v>H1703 責任技術者不在</v>
          </cell>
          <cell r="M195"/>
          <cell r="N195"/>
        </row>
        <row r="196">
          <cell r="B196">
            <v>169</v>
          </cell>
          <cell r="C196" t="str">
            <v>西部電建株式会社</v>
          </cell>
          <cell r="D196" t="str">
            <v>金井郁智</v>
          </cell>
          <cell r="E196" t="str">
            <v>取消</v>
          </cell>
          <cell r="F196">
            <v>42095</v>
          </cell>
          <cell r="G196">
            <v>36923</v>
          </cell>
          <cell r="H196">
            <v>6770015</v>
          </cell>
          <cell r="I196" t="str">
            <v xml:space="preserve">西脇市西脇885番地の120　　　　 </v>
          </cell>
          <cell r="J196" t="str">
            <v>0795-22-2451</v>
          </cell>
          <cell r="K196" t="str">
            <v>0795-22-2453</v>
          </cell>
          <cell r="L196" t="str">
            <v>R108　責任技術者不在（指定工事店辞退）</v>
          </cell>
          <cell r="M196"/>
          <cell r="N196"/>
        </row>
        <row r="197">
          <cell r="B197">
            <v>170</v>
          </cell>
          <cell r="C197" t="str">
            <v>ベネッセ水設㈲</v>
          </cell>
          <cell r="D197" t="str">
            <v>吉田和敏</v>
          </cell>
          <cell r="E197" t="str">
            <v>取消</v>
          </cell>
          <cell r="F197">
            <v>36923</v>
          </cell>
          <cell r="G197">
            <v>36923</v>
          </cell>
          <cell r="H197">
            <v>6751215</v>
          </cell>
          <cell r="I197" t="str">
            <v>加古川市上荘町都台２丁目3-5</v>
          </cell>
          <cell r="J197"/>
          <cell r="K197"/>
          <cell r="L197" t="str">
            <v>H2109 責任技術者不在</v>
          </cell>
          <cell r="M197"/>
          <cell r="N197"/>
        </row>
        <row r="198">
          <cell r="B198">
            <v>171</v>
          </cell>
          <cell r="C198" t="str">
            <v>犬賀設備</v>
          </cell>
          <cell r="D198" t="str">
            <v>犬賀亮一</v>
          </cell>
          <cell r="E198" t="str">
            <v>取消</v>
          </cell>
          <cell r="F198">
            <v>36923</v>
          </cell>
          <cell r="G198">
            <v>36923</v>
          </cell>
          <cell r="H198">
            <v>6728048</v>
          </cell>
          <cell r="I198" t="str">
            <v>姫路市飾磨区三宅２丁目79</v>
          </cell>
          <cell r="J198"/>
          <cell r="K198"/>
          <cell r="L198" t="str">
            <v>H1703 責任技術者不在</v>
          </cell>
          <cell r="M198"/>
          <cell r="N198"/>
        </row>
        <row r="199">
          <cell r="B199">
            <v>172</v>
          </cell>
          <cell r="C199" t="str">
            <v>有限会社福水工業</v>
          </cell>
          <cell r="D199" t="str">
            <v>種田英昭</v>
          </cell>
          <cell r="E199">
            <v>45747</v>
          </cell>
          <cell r="F199">
            <v>43922</v>
          </cell>
          <cell r="G199">
            <v>36951</v>
          </cell>
          <cell r="H199">
            <v>6792204</v>
          </cell>
          <cell r="I199" t="str">
            <v>神崎郡福崎町西田原1512番地5</v>
          </cell>
          <cell r="J199" t="str">
            <v>0790-22-1266</v>
          </cell>
          <cell r="K199" t="str">
            <v>0790-22-7595</v>
          </cell>
          <cell r="L199"/>
          <cell r="M199"/>
          <cell r="N199"/>
        </row>
        <row r="200">
          <cell r="B200"/>
          <cell r="C200"/>
          <cell r="D200"/>
          <cell r="E200"/>
          <cell r="F200"/>
          <cell r="G200"/>
          <cell r="H200"/>
          <cell r="I200"/>
          <cell r="J200"/>
          <cell r="K200"/>
          <cell r="L200"/>
          <cell r="M200"/>
          <cell r="N200"/>
        </row>
        <row r="201">
          <cell r="B201">
            <v>173</v>
          </cell>
          <cell r="C201" t="str">
            <v>渡備建設株式会社</v>
          </cell>
          <cell r="D201" t="str">
            <v>渡邊勝一</v>
          </cell>
          <cell r="E201">
            <v>45747</v>
          </cell>
          <cell r="F201">
            <v>43922</v>
          </cell>
          <cell r="G201">
            <v>36951</v>
          </cell>
          <cell r="H201">
            <v>6752343</v>
          </cell>
          <cell r="I201" t="str">
            <v>加西市中山町304番地</v>
          </cell>
          <cell r="J201" t="str">
            <v>0790-46-0339</v>
          </cell>
          <cell r="K201" t="str">
            <v>0790-46-0439</v>
          </cell>
          <cell r="L201"/>
          <cell r="M201"/>
          <cell r="N201"/>
        </row>
        <row r="202">
          <cell r="B202">
            <v>174</v>
          </cell>
          <cell r="C202" t="str">
            <v>バリアフリー</v>
          </cell>
          <cell r="D202" t="str">
            <v>山本修巳</v>
          </cell>
          <cell r="E202" t="str">
            <v>取消</v>
          </cell>
          <cell r="F202"/>
          <cell r="G202">
            <v>36982</v>
          </cell>
          <cell r="H202">
            <v>6751344</v>
          </cell>
          <cell r="I202" t="str">
            <v>小野市下来住町573-5</v>
          </cell>
          <cell r="J202"/>
          <cell r="K202"/>
          <cell r="L202" t="str">
            <v>H2303 更新手続きなし</v>
          </cell>
          <cell r="M202"/>
          <cell r="N202"/>
        </row>
        <row r="203">
          <cell r="B203">
            <v>175</v>
          </cell>
          <cell r="C203" t="str">
            <v>藤井電気商会</v>
          </cell>
          <cell r="D203" t="str">
            <v>藤井 儀幾</v>
          </cell>
          <cell r="E203" t="str">
            <v>取消</v>
          </cell>
          <cell r="F203">
            <v>40630</v>
          </cell>
          <cell r="G203">
            <v>36982</v>
          </cell>
          <cell r="H203">
            <v>6731454</v>
          </cell>
          <cell r="I203" t="str">
            <v>加東市野村492</v>
          </cell>
          <cell r="J203" t="str">
            <v>0795-42-0687</v>
          </cell>
          <cell r="K203" t="str">
            <v>0795-42-6238</v>
          </cell>
          <cell r="L203" t="str">
            <v>Ｈ2609　責任技術者不在</v>
          </cell>
          <cell r="M203"/>
          <cell r="N203"/>
        </row>
        <row r="204">
          <cell r="B204">
            <v>176</v>
          </cell>
          <cell r="C204" t="str">
            <v>オシバ電機商会</v>
          </cell>
          <cell r="D204" t="str">
            <v>尾芝 英幸</v>
          </cell>
          <cell r="E204">
            <v>44286</v>
          </cell>
          <cell r="F204">
            <v>42461</v>
          </cell>
          <cell r="G204">
            <v>36982</v>
          </cell>
          <cell r="H204">
            <v>6770122</v>
          </cell>
          <cell r="I204" t="str">
            <v>多可郡多可町八千代区下野間843番地</v>
          </cell>
          <cell r="J204" t="str">
            <v>0795-37-1211</v>
          </cell>
          <cell r="K204" t="str">
            <v>0795-37-0284</v>
          </cell>
          <cell r="L204"/>
          <cell r="M204"/>
          <cell r="N204"/>
        </row>
        <row r="205">
          <cell r="B205">
            <v>177</v>
          </cell>
          <cell r="C205" t="str">
            <v>株式会社黒田建設</v>
          </cell>
          <cell r="D205" t="str">
            <v>黒田 祐明</v>
          </cell>
          <cell r="E205">
            <v>44286</v>
          </cell>
          <cell r="F205">
            <v>42461</v>
          </cell>
          <cell r="G205">
            <v>36982</v>
          </cell>
          <cell r="H205">
            <v>6752103</v>
          </cell>
          <cell r="I205" t="str">
            <v>加西市鶉野町2195番地</v>
          </cell>
          <cell r="J205" t="str">
            <v>0790-49-1778</v>
          </cell>
          <cell r="K205" t="str">
            <v>0790-49-1836</v>
          </cell>
          <cell r="L205"/>
          <cell r="M205"/>
          <cell r="N205"/>
        </row>
        <row r="206">
          <cell r="B206"/>
          <cell r="C206"/>
          <cell r="D206"/>
          <cell r="E206"/>
          <cell r="F206"/>
          <cell r="G206"/>
          <cell r="H206"/>
          <cell r="I206"/>
          <cell r="J206"/>
          <cell r="K206"/>
          <cell r="L206"/>
          <cell r="M206"/>
          <cell r="N206"/>
        </row>
        <row r="207">
          <cell r="B207">
            <v>178</v>
          </cell>
          <cell r="C207" t="str">
            <v>株式会社内貴建設</v>
          </cell>
          <cell r="D207" t="str">
            <v>内藤 和樹</v>
          </cell>
          <cell r="E207" t="str">
            <v>取消</v>
          </cell>
          <cell r="F207">
            <v>40630</v>
          </cell>
          <cell r="G207">
            <v>36982</v>
          </cell>
          <cell r="H207">
            <v>6752444</v>
          </cell>
          <cell r="I207" t="str">
            <v>加西市鴨谷町1239番地</v>
          </cell>
          <cell r="J207" t="str">
            <v>0790-44-2326</v>
          </cell>
          <cell r="K207" t="str">
            <v>0790-44-2342</v>
          </cell>
          <cell r="L207" t="str">
            <v>Ｈ2709　更新手続きなし</v>
          </cell>
          <cell r="M207"/>
          <cell r="N207"/>
        </row>
        <row r="208">
          <cell r="B208">
            <v>179</v>
          </cell>
          <cell r="C208" t="str">
            <v>大興電気商会</v>
          </cell>
          <cell r="D208" t="str">
            <v>前田 太一郎</v>
          </cell>
          <cell r="E208">
            <v>44286</v>
          </cell>
          <cell r="F208">
            <v>42461</v>
          </cell>
          <cell r="G208">
            <v>36982</v>
          </cell>
          <cell r="H208">
            <v>6752231</v>
          </cell>
          <cell r="I208" t="str">
            <v>加西市王子町83番地の2</v>
          </cell>
          <cell r="J208" t="str">
            <v>0790-48-2531</v>
          </cell>
          <cell r="K208" t="str">
            <v>0790-48-4167</v>
          </cell>
          <cell r="L208"/>
          <cell r="M208"/>
          <cell r="N208"/>
        </row>
        <row r="209">
          <cell r="B209">
            <v>180</v>
          </cell>
          <cell r="C209" t="str">
            <v>玉田電器</v>
          </cell>
          <cell r="D209" t="str">
            <v>玉田 芳行</v>
          </cell>
          <cell r="E209">
            <v>44286</v>
          </cell>
          <cell r="F209">
            <v>42461</v>
          </cell>
          <cell r="G209">
            <v>36982</v>
          </cell>
          <cell r="H209">
            <v>6790103</v>
          </cell>
          <cell r="I209" t="str">
            <v>加西市別府町甲2664の288番地</v>
          </cell>
          <cell r="J209" t="str">
            <v>0790-47-1316</v>
          </cell>
          <cell r="K209" t="str">
            <v>0790-47-0802</v>
          </cell>
          <cell r="L209"/>
          <cell r="M209"/>
          <cell r="N209"/>
        </row>
        <row r="210">
          <cell r="B210">
            <v>181</v>
          </cell>
          <cell r="C210" t="str">
            <v>小林電機商会</v>
          </cell>
          <cell r="D210" t="str">
            <v>小林 勝久</v>
          </cell>
          <cell r="E210">
            <v>44286</v>
          </cell>
          <cell r="F210">
            <v>40630</v>
          </cell>
          <cell r="G210">
            <v>36982</v>
          </cell>
          <cell r="H210">
            <v>6790103</v>
          </cell>
          <cell r="I210" t="str">
            <v>加西市別府町丙35-1</v>
          </cell>
          <cell r="J210" t="str">
            <v>0790-47-0064</v>
          </cell>
          <cell r="K210" t="str">
            <v>0790-47-0211</v>
          </cell>
          <cell r="L210"/>
          <cell r="M210"/>
          <cell r="N210"/>
        </row>
        <row r="211">
          <cell r="B211">
            <v>182</v>
          </cell>
          <cell r="C211" t="str">
            <v>東郷建設</v>
          </cell>
          <cell r="D211" t="str">
            <v>東郷 武彦</v>
          </cell>
          <cell r="E211">
            <v>44286</v>
          </cell>
          <cell r="F211">
            <v>42461</v>
          </cell>
          <cell r="G211">
            <v>36982</v>
          </cell>
          <cell r="H211">
            <v>6752232</v>
          </cell>
          <cell r="I211" t="str">
            <v>加西市戸田井町330番地の1</v>
          </cell>
          <cell r="J211" t="str">
            <v>0790-48-2758</v>
          </cell>
          <cell r="K211" t="str">
            <v>0790-48-2921</v>
          </cell>
          <cell r="L211"/>
          <cell r="M211"/>
          <cell r="N211"/>
        </row>
        <row r="212">
          <cell r="B212">
            <v>183</v>
          </cell>
          <cell r="C212" t="str">
            <v>㈲前川土木工業</v>
          </cell>
          <cell r="D212" t="str">
            <v>前川純也</v>
          </cell>
          <cell r="E212" t="str">
            <v>取消</v>
          </cell>
          <cell r="F212"/>
          <cell r="G212">
            <v>36982</v>
          </cell>
          <cell r="H212">
            <v>6792322</v>
          </cell>
          <cell r="I212" t="str">
            <v>神崎郡市川町小谷204</v>
          </cell>
          <cell r="J212"/>
          <cell r="K212"/>
          <cell r="L212" t="str">
            <v>H2303 更新手続きなし</v>
          </cell>
          <cell r="M212"/>
          <cell r="N212"/>
        </row>
        <row r="213">
          <cell r="B213">
            <v>184</v>
          </cell>
          <cell r="C213" t="str">
            <v>柳建設㈱</v>
          </cell>
          <cell r="D213" t="str">
            <v>柳正巳</v>
          </cell>
          <cell r="E213" t="str">
            <v>取消</v>
          </cell>
          <cell r="F213"/>
          <cell r="G213">
            <v>36982</v>
          </cell>
          <cell r="H213">
            <v>6752313</v>
          </cell>
          <cell r="I213" t="str">
            <v>加西市北条町黒駒316-2</v>
          </cell>
          <cell r="J213" t="str">
            <v xml:space="preserve">0790-42-1004 </v>
          </cell>
          <cell r="K213"/>
          <cell r="L213" t="str">
            <v>H2210 責任技術者不在</v>
          </cell>
          <cell r="M213"/>
          <cell r="N213"/>
        </row>
        <row r="214">
          <cell r="B214">
            <v>185</v>
          </cell>
          <cell r="C214" t="str">
            <v>株式会社西村電気工事</v>
          </cell>
          <cell r="D214" t="str">
            <v>西村 昌也</v>
          </cell>
          <cell r="E214">
            <v>44286</v>
          </cell>
          <cell r="F214">
            <v>42461</v>
          </cell>
          <cell r="G214">
            <v>36982</v>
          </cell>
          <cell r="H214">
            <v>6752323</v>
          </cell>
          <cell r="I214" t="str">
            <v>加西市北条町西南377番地</v>
          </cell>
          <cell r="J214" t="str">
            <v>0790-42-3611</v>
          </cell>
          <cell r="K214" t="str">
            <v>0790-42-2254</v>
          </cell>
          <cell r="L214"/>
          <cell r="M214"/>
          <cell r="N214"/>
        </row>
        <row r="215">
          <cell r="B215">
            <v>186</v>
          </cell>
          <cell r="C215" t="str">
            <v>㈱ウノ</v>
          </cell>
          <cell r="D215" t="str">
            <v>宇野政信</v>
          </cell>
          <cell r="E215" t="str">
            <v>取消</v>
          </cell>
          <cell r="F215">
            <v>37012</v>
          </cell>
          <cell r="G215">
            <v>37012</v>
          </cell>
          <cell r="H215">
            <v>6770003</v>
          </cell>
          <cell r="I215" t="str">
            <v>西脇市西田町261-1</v>
          </cell>
          <cell r="J215"/>
          <cell r="K215"/>
          <cell r="L215" t="str">
            <v>H2303 更新手続きなし</v>
          </cell>
          <cell r="M215"/>
          <cell r="N215"/>
        </row>
        <row r="216">
          <cell r="B216">
            <v>187</v>
          </cell>
          <cell r="C216" t="str">
            <v>羽渕造園</v>
          </cell>
          <cell r="D216" t="str">
            <v>羽渕 惇</v>
          </cell>
          <cell r="E216">
            <v>44286</v>
          </cell>
          <cell r="F216">
            <v>42461</v>
          </cell>
          <cell r="G216">
            <v>37012</v>
          </cell>
          <cell r="H216">
            <v>6752321</v>
          </cell>
          <cell r="I216" t="str">
            <v>加西市北条町東高室295番地の41</v>
          </cell>
          <cell r="J216" t="str">
            <v>0790-42-4156</v>
          </cell>
          <cell r="K216" t="str">
            <v>0790-42-4156</v>
          </cell>
          <cell r="L216"/>
          <cell r="M216"/>
          <cell r="N216"/>
        </row>
        <row r="217">
          <cell r="B217">
            <v>188</v>
          </cell>
          <cell r="C217" t="str">
            <v>山下タイル水道工事店</v>
          </cell>
          <cell r="D217" t="str">
            <v>山下康男</v>
          </cell>
          <cell r="E217" t="str">
            <v>取消</v>
          </cell>
          <cell r="F217">
            <v>37012</v>
          </cell>
          <cell r="G217">
            <v>37012</v>
          </cell>
          <cell r="H217">
            <v>6693145</v>
          </cell>
          <cell r="I217" t="str">
            <v>氷上郡山南町野坂5-2（丹波市山南町）</v>
          </cell>
          <cell r="J217"/>
          <cell r="K217"/>
          <cell r="L217"/>
          <cell r="M217"/>
          <cell r="N217"/>
        </row>
        <row r="218">
          <cell r="B218">
            <v>189</v>
          </cell>
          <cell r="C218" t="str">
            <v>ミヤマデンキ加西</v>
          </cell>
          <cell r="D218" t="str">
            <v>岩本 幸雄</v>
          </cell>
          <cell r="E218">
            <v>44286</v>
          </cell>
          <cell r="F218">
            <v>42461</v>
          </cell>
          <cell r="G218">
            <v>37012</v>
          </cell>
          <cell r="H218">
            <v>6790106</v>
          </cell>
          <cell r="I218" t="str">
            <v>加西市豊倉町504番地の1</v>
          </cell>
          <cell r="J218" t="str">
            <v>0790-47-1373</v>
          </cell>
          <cell r="K218" t="str">
            <v>0790-47-1520</v>
          </cell>
          <cell r="L218"/>
          <cell r="M218"/>
          <cell r="N218"/>
        </row>
        <row r="219">
          <cell r="B219">
            <v>190</v>
          </cell>
          <cell r="C219" t="str">
            <v>和田工務店</v>
          </cell>
          <cell r="D219" t="str">
            <v>和田 守雄</v>
          </cell>
          <cell r="E219">
            <v>44286</v>
          </cell>
          <cell r="F219">
            <v>42461</v>
          </cell>
          <cell r="G219">
            <v>37012</v>
          </cell>
          <cell r="H219">
            <v>6752456</v>
          </cell>
          <cell r="I219" t="str">
            <v>加西市若井町1341</v>
          </cell>
          <cell r="J219" t="str">
            <v>0790-44-1534</v>
          </cell>
          <cell r="K219" t="str">
            <v>0790-44-2012</v>
          </cell>
          <cell r="L219"/>
          <cell r="M219"/>
          <cell r="N219"/>
        </row>
        <row r="220">
          <cell r="B220">
            <v>191</v>
          </cell>
          <cell r="C220" t="str">
            <v>西和電工</v>
          </cell>
          <cell r="D220" t="str">
            <v>西村 純</v>
          </cell>
          <cell r="E220">
            <v>44286</v>
          </cell>
          <cell r="F220">
            <v>42461</v>
          </cell>
          <cell r="G220">
            <v>37012</v>
          </cell>
          <cell r="H220">
            <v>6752112</v>
          </cell>
          <cell r="I220" t="str">
            <v>加西市栄町338番地</v>
          </cell>
          <cell r="J220" t="str">
            <v>0790-49-3251</v>
          </cell>
          <cell r="K220" t="str">
            <v>0790-49-2548</v>
          </cell>
          <cell r="L220"/>
          <cell r="M220"/>
          <cell r="N220"/>
        </row>
        <row r="221">
          <cell r="B221">
            <v>192</v>
          </cell>
          <cell r="C221" t="str">
            <v>株式会社板井土建</v>
          </cell>
          <cell r="D221" t="str">
            <v>板井 利貴</v>
          </cell>
          <cell r="E221">
            <v>44286</v>
          </cell>
          <cell r="F221">
            <v>42461</v>
          </cell>
          <cell r="G221">
            <v>37012</v>
          </cell>
          <cell r="H221">
            <v>6752113</v>
          </cell>
          <cell r="I221" t="str">
            <v>加西市網引町783番地の1</v>
          </cell>
          <cell r="J221" t="str">
            <v>0790-49-0484</v>
          </cell>
          <cell r="K221" t="str">
            <v>0790-49-2651</v>
          </cell>
          <cell r="L221"/>
          <cell r="M221"/>
          <cell r="N221"/>
        </row>
        <row r="222">
          <cell r="B222">
            <v>193</v>
          </cell>
          <cell r="C222" t="str">
            <v>秋原電工</v>
          </cell>
          <cell r="D222" t="str">
            <v>秋原 鐵夫</v>
          </cell>
          <cell r="E222" t="str">
            <v>取消</v>
          </cell>
          <cell r="F222">
            <v>42461</v>
          </cell>
          <cell r="G222">
            <v>37012</v>
          </cell>
          <cell r="H222">
            <v>6790205</v>
          </cell>
          <cell r="I222" t="str">
            <v>加東市北野321番地2</v>
          </cell>
          <cell r="J222" t="str">
            <v>0795-48-3184</v>
          </cell>
          <cell r="K222" t="str">
            <v>0795-48-3184</v>
          </cell>
          <cell r="L222"/>
          <cell r="M222"/>
          <cell r="N222"/>
        </row>
        <row r="223">
          <cell r="B223">
            <v>194</v>
          </cell>
          <cell r="C223" t="str">
            <v>㈱栄設備</v>
          </cell>
          <cell r="D223" t="str">
            <v>東本文夫</v>
          </cell>
          <cell r="E223" t="str">
            <v>取消</v>
          </cell>
          <cell r="F223"/>
          <cell r="G223">
            <v>37012</v>
          </cell>
          <cell r="H223">
            <v>6750113</v>
          </cell>
          <cell r="I223" t="str">
            <v>加古川市平岡町中野677-1</v>
          </cell>
          <cell r="J223"/>
          <cell r="K223"/>
          <cell r="L223" t="str">
            <v>H2303 更新手続きなし</v>
          </cell>
          <cell r="M223"/>
          <cell r="N223"/>
        </row>
        <row r="224">
          <cell r="B224">
            <v>195</v>
          </cell>
          <cell r="C224" t="str">
            <v>蔵下設備工業㈱</v>
          </cell>
          <cell r="D224" t="str">
            <v>蔵下勝美</v>
          </cell>
          <cell r="E224" t="str">
            <v>取消</v>
          </cell>
          <cell r="F224">
            <v>37012</v>
          </cell>
          <cell r="G224">
            <v>37012</v>
          </cell>
          <cell r="H224">
            <v>6792163</v>
          </cell>
          <cell r="I224" t="str">
            <v>神崎郡香寺町土師990</v>
          </cell>
          <cell r="J224"/>
          <cell r="K224"/>
          <cell r="L224" t="str">
            <v>辞退</v>
          </cell>
          <cell r="M224" t="str">
            <v>H14.10.20辞退届（会社解散）</v>
          </cell>
          <cell r="N224"/>
        </row>
        <row r="225">
          <cell r="B225">
            <v>196</v>
          </cell>
          <cell r="C225" t="str">
            <v>ライフ設備</v>
          </cell>
          <cell r="D225" t="str">
            <v>岡部厚</v>
          </cell>
          <cell r="E225" t="str">
            <v>取消</v>
          </cell>
          <cell r="F225"/>
          <cell r="G225">
            <v>37043</v>
          </cell>
          <cell r="H225">
            <v>6711224</v>
          </cell>
          <cell r="I225" t="str">
            <v>姫路市網干区津市場689-2</v>
          </cell>
          <cell r="J225"/>
          <cell r="K225"/>
          <cell r="L225" t="str">
            <v>H2303 更新手続きなし</v>
          </cell>
          <cell r="M225"/>
          <cell r="N225"/>
        </row>
        <row r="226">
          <cell r="B226">
            <v>197</v>
          </cell>
          <cell r="C226" t="str">
            <v>株式会社上野設備工業</v>
          </cell>
          <cell r="D226" t="str">
            <v>上野 寛之</v>
          </cell>
          <cell r="E226">
            <v>44286</v>
          </cell>
          <cell r="F226">
            <v>42461</v>
          </cell>
          <cell r="G226">
            <v>37043</v>
          </cell>
          <cell r="H226">
            <v>6751336</v>
          </cell>
          <cell r="I226" t="str">
            <v>小野市下大部町956番地の2</v>
          </cell>
          <cell r="J226" t="str">
            <v>0794-63-3648</v>
          </cell>
          <cell r="K226" t="str">
            <v>0794-63-3657</v>
          </cell>
          <cell r="L226"/>
          <cell r="M226"/>
          <cell r="N226"/>
        </row>
        <row r="227">
          <cell r="B227">
            <v>198</v>
          </cell>
          <cell r="C227" t="str">
            <v>株式会社谷商会</v>
          </cell>
          <cell r="D227" t="str">
            <v>長田 康</v>
          </cell>
          <cell r="E227">
            <v>44286</v>
          </cell>
          <cell r="F227">
            <v>42461</v>
          </cell>
          <cell r="G227">
            <v>37043</v>
          </cell>
          <cell r="H227">
            <v>6750057</v>
          </cell>
          <cell r="I227" t="str">
            <v>加古川市東神吉町神吉448番地の1</v>
          </cell>
          <cell r="J227" t="str">
            <v>079-431-1015</v>
          </cell>
          <cell r="K227" t="str">
            <v>079-431-3862</v>
          </cell>
          <cell r="L227"/>
          <cell r="M227"/>
          <cell r="N227"/>
        </row>
        <row r="228">
          <cell r="B228">
            <v>199</v>
          </cell>
          <cell r="C228" t="str">
            <v>和田株式会社</v>
          </cell>
          <cell r="D228" t="str">
            <v>和田 直也</v>
          </cell>
          <cell r="E228">
            <v>44286</v>
          </cell>
          <cell r="F228">
            <v>42461</v>
          </cell>
          <cell r="G228">
            <v>37073</v>
          </cell>
          <cell r="H228">
            <v>6710223</v>
          </cell>
          <cell r="I228" t="str">
            <v>姫路市別所町北宿946番地の1</v>
          </cell>
          <cell r="J228" t="str">
            <v>079-252-1849</v>
          </cell>
          <cell r="K228" t="str">
            <v>079-253-6160</v>
          </cell>
          <cell r="L228"/>
          <cell r="M228"/>
          <cell r="N228"/>
        </row>
        <row r="229">
          <cell r="B229">
            <v>200</v>
          </cell>
          <cell r="C229" t="str">
            <v>株式会社みどり設備グラッド</v>
          </cell>
          <cell r="D229" t="str">
            <v>小林 洋一</v>
          </cell>
          <cell r="E229">
            <v>44286</v>
          </cell>
          <cell r="F229">
            <v>42461</v>
          </cell>
          <cell r="G229">
            <v>37073</v>
          </cell>
          <cell r="H229">
            <v>6751378</v>
          </cell>
          <cell r="I229" t="str">
            <v>小野市王子町260番地の1</v>
          </cell>
          <cell r="J229" t="str">
            <v>0794-63-7963</v>
          </cell>
          <cell r="K229" t="str">
            <v>0794-63-7941</v>
          </cell>
          <cell r="L229"/>
          <cell r="M229"/>
          <cell r="N229"/>
        </row>
        <row r="230">
          <cell r="B230">
            <v>201</v>
          </cell>
          <cell r="C230" t="str">
            <v>中島水道設備株式会社</v>
          </cell>
          <cell r="D230" t="str">
            <v>中島 祐一</v>
          </cell>
          <cell r="E230">
            <v>44286</v>
          </cell>
          <cell r="F230">
            <v>42461</v>
          </cell>
          <cell r="G230">
            <v>37073</v>
          </cell>
          <cell r="H230">
            <v>6751379</v>
          </cell>
          <cell r="I230" t="str">
            <v>小野市上本町46番地の2</v>
          </cell>
          <cell r="J230" t="str">
            <v>0794-62-2613</v>
          </cell>
          <cell r="K230" t="str">
            <v>0794-62-2906</v>
          </cell>
          <cell r="L230"/>
          <cell r="M230"/>
          <cell r="N230"/>
        </row>
        <row r="231">
          <cell r="B231">
            <v>202</v>
          </cell>
          <cell r="C231" t="str">
            <v>㈱前田土木</v>
          </cell>
          <cell r="D231" t="str">
            <v>前田美弘</v>
          </cell>
          <cell r="E231" t="str">
            <v>取消</v>
          </cell>
          <cell r="F231">
            <v>38992</v>
          </cell>
          <cell r="G231">
            <v>38992</v>
          </cell>
          <cell r="H231">
            <v>6750144</v>
          </cell>
          <cell r="I231" t="str">
            <v>加古郡播磨町北本荘５丁目16番４号</v>
          </cell>
          <cell r="J231"/>
          <cell r="K231"/>
          <cell r="L231" t="str">
            <v>H2109 責任技術者不在</v>
          </cell>
          <cell r="M231"/>
          <cell r="N231"/>
        </row>
        <row r="232">
          <cell r="B232">
            <v>203</v>
          </cell>
          <cell r="C232" t="str">
            <v>金本設備</v>
          </cell>
          <cell r="D232" t="str">
            <v>金本 光敏</v>
          </cell>
          <cell r="E232">
            <v>44286</v>
          </cell>
          <cell r="F232">
            <v>42461</v>
          </cell>
          <cell r="G232">
            <v>37135</v>
          </cell>
          <cell r="H232">
            <v>6770054</v>
          </cell>
          <cell r="I232" t="str">
            <v>西脇市野村町49番地の3</v>
          </cell>
          <cell r="J232" t="str">
            <v>0795-22-7293</v>
          </cell>
          <cell r="K232" t="str">
            <v>0795-22-7293</v>
          </cell>
          <cell r="L232"/>
          <cell r="M232"/>
          <cell r="N232"/>
        </row>
        <row r="233">
          <cell r="B233">
            <v>204</v>
          </cell>
          <cell r="C233" t="str">
            <v>栗山電機株式会社</v>
          </cell>
          <cell r="D233" t="str">
            <v>栗山 雅博</v>
          </cell>
          <cell r="E233" t="str">
            <v>取消</v>
          </cell>
          <cell r="F233">
            <v>40630</v>
          </cell>
          <cell r="G233">
            <v>37165</v>
          </cell>
          <cell r="H233">
            <v>6750303</v>
          </cell>
          <cell r="I233" t="str">
            <v>加古川市志方町細工所557番地</v>
          </cell>
          <cell r="J233" t="str">
            <v>079-452-1327</v>
          </cell>
          <cell r="K233" t="str">
            <v>079-452-1697</v>
          </cell>
          <cell r="L233" t="str">
            <v>Ｈ27.8.18 辞退届提出</v>
          </cell>
          <cell r="M233"/>
          <cell r="N233"/>
        </row>
        <row r="234">
          <cell r="B234">
            <v>205</v>
          </cell>
          <cell r="C234" t="str">
            <v>㈱イナサン</v>
          </cell>
          <cell r="D234" t="str">
            <v>藤本千秋</v>
          </cell>
          <cell r="E234" t="str">
            <v>取消</v>
          </cell>
          <cell r="F234">
            <v>37165</v>
          </cell>
          <cell r="G234">
            <v>37165</v>
          </cell>
          <cell r="H234">
            <v>6750063</v>
          </cell>
          <cell r="I234" t="str">
            <v>加古川市加古川町平野79-3</v>
          </cell>
          <cell r="J234"/>
          <cell r="K234"/>
          <cell r="L234"/>
          <cell r="M234"/>
          <cell r="N234"/>
        </row>
        <row r="235">
          <cell r="B235">
            <v>206</v>
          </cell>
          <cell r="C235" t="str">
            <v>後藤電気株式会社</v>
          </cell>
          <cell r="D235" t="str">
            <v>後藤 和樹</v>
          </cell>
          <cell r="E235">
            <v>44286</v>
          </cell>
          <cell r="F235">
            <v>42461</v>
          </cell>
          <cell r="G235">
            <v>37165</v>
          </cell>
          <cell r="H235">
            <v>6792313</v>
          </cell>
          <cell r="I235" t="str">
            <v>神崎郡市川町西田中444番地の1</v>
          </cell>
          <cell r="J235" t="str">
            <v>0790-26-0152</v>
          </cell>
          <cell r="K235" t="str">
            <v>0790-26-2923</v>
          </cell>
          <cell r="L235"/>
          <cell r="M235"/>
          <cell r="N235"/>
        </row>
        <row r="236">
          <cell r="B236">
            <v>207</v>
          </cell>
          <cell r="C236" t="str">
            <v>㈲カワ土木興業</v>
          </cell>
          <cell r="D236" t="str">
            <v>河正治</v>
          </cell>
          <cell r="E236" t="str">
            <v>取消</v>
          </cell>
          <cell r="F236">
            <v>37165</v>
          </cell>
          <cell r="G236">
            <v>37165</v>
          </cell>
          <cell r="H236">
            <v>6750031</v>
          </cell>
          <cell r="I236" t="str">
            <v>加古川市加古川町北在家149-1</v>
          </cell>
          <cell r="J236"/>
          <cell r="K236"/>
          <cell r="L236"/>
          <cell r="M236"/>
          <cell r="N236"/>
        </row>
        <row r="237">
          <cell r="B237">
            <v>208</v>
          </cell>
          <cell r="C237" t="str">
            <v>株式会社中山水設</v>
          </cell>
          <cell r="D237" t="str">
            <v>中山 京子</v>
          </cell>
          <cell r="E237" t="str">
            <v>取消</v>
          </cell>
          <cell r="F237">
            <v>40630</v>
          </cell>
          <cell r="G237">
            <v>37165</v>
          </cell>
          <cell r="H237">
            <v>6760019</v>
          </cell>
          <cell r="I237" t="str">
            <v>高砂市緑丘二丁目4番5号</v>
          </cell>
          <cell r="J237" t="str">
            <v>079-443-0786</v>
          </cell>
          <cell r="K237" t="str">
            <v>079-443-4759</v>
          </cell>
          <cell r="L237" t="str">
            <v>Ｈ27.8.25 辞退届提出</v>
          </cell>
          <cell r="M237"/>
          <cell r="N237"/>
        </row>
        <row r="238">
          <cell r="B238">
            <v>209</v>
          </cell>
          <cell r="C238" t="str">
            <v>有限会社田上ｳｫｰﾀｰｻｰﾋﾞｽ</v>
          </cell>
          <cell r="D238" t="str">
            <v>田上 勇</v>
          </cell>
          <cell r="E238">
            <v>44286</v>
          </cell>
          <cell r="F238">
            <v>42461</v>
          </cell>
          <cell r="G238">
            <v>37165</v>
          </cell>
          <cell r="H238">
            <v>6731444</v>
          </cell>
          <cell r="I238" t="str">
            <v>加東市沢部797番地の1</v>
          </cell>
          <cell r="J238" t="str">
            <v>0795-42-3572</v>
          </cell>
          <cell r="K238" t="str">
            <v>0795-42-7812</v>
          </cell>
          <cell r="L238"/>
          <cell r="M238"/>
          <cell r="N238"/>
        </row>
        <row r="239">
          <cell r="B239">
            <v>210</v>
          </cell>
          <cell r="C239" t="str">
            <v>㈱鬼武設備</v>
          </cell>
          <cell r="D239" t="str">
            <v>鬼武浩志</v>
          </cell>
          <cell r="E239" t="str">
            <v>取消</v>
          </cell>
          <cell r="F239">
            <v>37196</v>
          </cell>
          <cell r="G239">
            <v>37196</v>
          </cell>
          <cell r="H239">
            <v>6750101</v>
          </cell>
          <cell r="I239" t="str">
            <v>加古川市平岡町新在家424-2</v>
          </cell>
          <cell r="J239"/>
          <cell r="K239"/>
          <cell r="L239"/>
          <cell r="M239"/>
          <cell r="N239"/>
        </row>
        <row r="240">
          <cell r="B240">
            <v>211</v>
          </cell>
          <cell r="C240" t="str">
            <v>フジタ住設</v>
          </cell>
          <cell r="D240" t="str">
            <v>藤田泰孝</v>
          </cell>
          <cell r="E240" t="str">
            <v>取消</v>
          </cell>
          <cell r="F240">
            <v>37196</v>
          </cell>
          <cell r="G240">
            <v>37196</v>
          </cell>
          <cell r="H240">
            <v>6792111</v>
          </cell>
          <cell r="I240" t="str">
            <v>姫路市山田町多田1140-3</v>
          </cell>
          <cell r="J240"/>
          <cell r="K240"/>
          <cell r="L240"/>
          <cell r="M240"/>
          <cell r="N240"/>
        </row>
        <row r="241">
          <cell r="B241">
            <v>212</v>
          </cell>
          <cell r="C241" t="str">
            <v>小林設備工業有限会社</v>
          </cell>
          <cell r="D241" t="str">
            <v>小林 嘉幸</v>
          </cell>
          <cell r="E241">
            <v>44286</v>
          </cell>
          <cell r="F241">
            <v>42461</v>
          </cell>
          <cell r="G241">
            <v>37226</v>
          </cell>
          <cell r="H241">
            <v>6751354</v>
          </cell>
          <cell r="I241" t="str">
            <v>小野市河合西町238番地</v>
          </cell>
          <cell r="J241" t="str">
            <v>0794-66-2355</v>
          </cell>
          <cell r="K241" t="str">
            <v>0794-66-2381</v>
          </cell>
          <cell r="L241"/>
          <cell r="M241"/>
          <cell r="N241"/>
        </row>
        <row r="242">
          <cell r="B242"/>
          <cell r="C242"/>
          <cell r="D242"/>
          <cell r="E242"/>
          <cell r="F242"/>
          <cell r="G242"/>
          <cell r="H242"/>
          <cell r="I242"/>
          <cell r="J242"/>
          <cell r="K242"/>
          <cell r="L242"/>
          <cell r="M242"/>
          <cell r="N242"/>
        </row>
        <row r="243">
          <cell r="B243">
            <v>213</v>
          </cell>
          <cell r="C243" t="str">
            <v>㈱永谷建設</v>
          </cell>
          <cell r="D243" t="str">
            <v>永谷誠彦</v>
          </cell>
          <cell r="E243" t="str">
            <v>取消</v>
          </cell>
          <cell r="F243"/>
          <cell r="G243">
            <v>37226</v>
          </cell>
          <cell r="H243">
            <v>6792123</v>
          </cell>
          <cell r="I243" t="str">
            <v>姫路市豊富町豊富2984-7</v>
          </cell>
          <cell r="J243"/>
          <cell r="K243"/>
          <cell r="L243" t="str">
            <v>H2303 更新手続きなし</v>
          </cell>
          <cell r="M243"/>
          <cell r="N243"/>
        </row>
        <row r="244">
          <cell r="B244">
            <v>214</v>
          </cell>
          <cell r="C244" t="str">
            <v>桜井設備工業株式会社</v>
          </cell>
          <cell r="D244" t="str">
            <v>櫻井 利記</v>
          </cell>
          <cell r="E244">
            <v>44286</v>
          </cell>
          <cell r="F244">
            <v>42461</v>
          </cell>
          <cell r="G244">
            <v>37226</v>
          </cell>
          <cell r="H244">
            <v>6750005</v>
          </cell>
          <cell r="I244" t="str">
            <v>加古川市神野町石守417番地の6</v>
          </cell>
          <cell r="J244" t="str">
            <v>079-424-5110</v>
          </cell>
          <cell r="K244" t="str">
            <v>079-424-5167</v>
          </cell>
          <cell r="L244"/>
          <cell r="M244"/>
          <cell r="N244"/>
        </row>
        <row r="245">
          <cell r="B245"/>
          <cell r="C245"/>
          <cell r="D245"/>
          <cell r="E245"/>
          <cell r="F245"/>
          <cell r="G245"/>
          <cell r="H245"/>
          <cell r="I245"/>
          <cell r="J245"/>
          <cell r="K245"/>
          <cell r="L245"/>
          <cell r="M245"/>
          <cell r="N245"/>
        </row>
        <row r="246">
          <cell r="B246">
            <v>215</v>
          </cell>
          <cell r="C246" t="str">
            <v>㈲アール設備設計</v>
          </cell>
          <cell r="D246" t="str">
            <v>西口龍馬</v>
          </cell>
          <cell r="E246" t="str">
            <v>取消</v>
          </cell>
          <cell r="F246">
            <v>37257</v>
          </cell>
          <cell r="G246">
            <v>37257</v>
          </cell>
          <cell r="H246">
            <v>6730424</v>
          </cell>
          <cell r="I246" t="str">
            <v>三木市自由が丘本町３丁目172-2</v>
          </cell>
          <cell r="J246"/>
          <cell r="K246"/>
          <cell r="L246" t="str">
            <v>H230301 辞退届け提出</v>
          </cell>
          <cell r="M246"/>
          <cell r="N246"/>
        </row>
        <row r="247">
          <cell r="B247">
            <v>216</v>
          </cell>
          <cell r="C247" t="str">
            <v>平石電気工事</v>
          </cell>
          <cell r="D247" t="str">
            <v>平石信哉</v>
          </cell>
          <cell r="E247" t="str">
            <v>取消</v>
          </cell>
          <cell r="F247">
            <v>37257</v>
          </cell>
          <cell r="G247">
            <v>37257</v>
          </cell>
          <cell r="H247">
            <v>6700805</v>
          </cell>
          <cell r="I247" t="str">
            <v>姫路市西中島57-5</v>
          </cell>
          <cell r="J247"/>
          <cell r="K247"/>
          <cell r="L247" t="str">
            <v>H2303 更新手続きなし</v>
          </cell>
          <cell r="M247"/>
          <cell r="N247"/>
        </row>
        <row r="248">
          <cell r="B248">
            <v>217</v>
          </cell>
          <cell r="C248" t="str">
            <v>株式会社ふくもと</v>
          </cell>
          <cell r="D248" t="str">
            <v>福本 真一　</v>
          </cell>
          <cell r="E248">
            <v>44286</v>
          </cell>
          <cell r="F248">
            <v>42461</v>
          </cell>
          <cell r="G248">
            <v>37288</v>
          </cell>
          <cell r="H248">
            <v>6792217</v>
          </cell>
          <cell r="I248" t="str">
            <v>神崎郡福崎町高岡1794番地の1</v>
          </cell>
          <cell r="J248" t="str">
            <v>0790-22-0818</v>
          </cell>
          <cell r="K248" t="str">
            <v>0790-22-6123</v>
          </cell>
          <cell r="L248"/>
          <cell r="M248"/>
          <cell r="N248"/>
        </row>
        <row r="249">
          <cell r="B249"/>
          <cell r="C249"/>
          <cell r="D249"/>
          <cell r="E249"/>
          <cell r="F249"/>
          <cell r="G249"/>
          <cell r="H249"/>
          <cell r="I249"/>
          <cell r="J249"/>
          <cell r="K249"/>
          <cell r="L249"/>
          <cell r="M249"/>
          <cell r="N249"/>
        </row>
        <row r="250">
          <cell r="B250">
            <v>218</v>
          </cell>
          <cell r="C250" t="str">
            <v>常峰工業</v>
          </cell>
          <cell r="D250" t="str">
            <v>常峰 守</v>
          </cell>
          <cell r="E250" t="str">
            <v>取消</v>
          </cell>
          <cell r="F250">
            <v>40630</v>
          </cell>
          <cell r="G250">
            <v>37288</v>
          </cell>
          <cell r="H250">
            <v>6752403</v>
          </cell>
          <cell r="I250" t="str">
            <v>加西市小印南町333-12</v>
          </cell>
          <cell r="J250" t="str">
            <v>0790-45-1586</v>
          </cell>
          <cell r="K250" t="str">
            <v>0790-45-1586</v>
          </cell>
          <cell r="L250" t="str">
            <v>Ｈ2609　責任技術者不在</v>
          </cell>
          <cell r="M250"/>
          <cell r="N250"/>
        </row>
        <row r="251">
          <cell r="B251">
            <v>219</v>
          </cell>
          <cell r="C251" t="str">
            <v>前田設備</v>
          </cell>
          <cell r="D251" t="str">
            <v>前田昭廣</v>
          </cell>
          <cell r="E251" t="str">
            <v>取消</v>
          </cell>
          <cell r="F251">
            <v>37316</v>
          </cell>
          <cell r="G251">
            <v>37316</v>
          </cell>
          <cell r="H251">
            <v>6710243</v>
          </cell>
          <cell r="I251" t="str">
            <v>姫路市四郷町本郷340-3</v>
          </cell>
          <cell r="J251"/>
          <cell r="K251"/>
          <cell r="L251"/>
          <cell r="M251"/>
          <cell r="N251"/>
        </row>
        <row r="252">
          <cell r="B252">
            <v>220</v>
          </cell>
          <cell r="C252" t="str">
            <v>㈱不二商会</v>
          </cell>
          <cell r="D252" t="str">
            <v>松本孝司</v>
          </cell>
          <cell r="E252" t="str">
            <v>取消</v>
          </cell>
          <cell r="F252">
            <v>37316</v>
          </cell>
          <cell r="G252">
            <v>37316</v>
          </cell>
          <cell r="H252">
            <v>6750121</v>
          </cell>
          <cell r="I252" t="str">
            <v>加古川市別府町新野辺北町５丁目98</v>
          </cell>
          <cell r="J252"/>
          <cell r="K252"/>
          <cell r="L252"/>
          <cell r="M252"/>
          <cell r="N252"/>
        </row>
        <row r="253">
          <cell r="B253">
            <v>221</v>
          </cell>
          <cell r="C253" t="str">
            <v>尾上組有限会社</v>
          </cell>
          <cell r="D253" t="str">
            <v>尾上 和秀</v>
          </cell>
          <cell r="E253" t="str">
            <v>取消</v>
          </cell>
          <cell r="F253">
            <v>40630</v>
          </cell>
          <cell r="G253">
            <v>37316</v>
          </cell>
          <cell r="H253">
            <v>6792201</v>
          </cell>
          <cell r="I253" t="str">
            <v>神崎郡福崎町大貫2116番地3</v>
          </cell>
          <cell r="J253" t="str">
            <v>0790-22-6577</v>
          </cell>
          <cell r="K253" t="str">
            <v>0790-22-7790</v>
          </cell>
          <cell r="L253" t="str">
            <v>Ｈ2609　責任技術者不在</v>
          </cell>
          <cell r="M253"/>
          <cell r="N253"/>
        </row>
        <row r="254">
          <cell r="B254">
            <v>222</v>
          </cell>
          <cell r="C254" t="str">
            <v>アシダ家電</v>
          </cell>
          <cell r="D254" t="str">
            <v>芦田 吉二</v>
          </cell>
          <cell r="E254" t="str">
            <v>取消</v>
          </cell>
          <cell r="F254">
            <v>40630</v>
          </cell>
          <cell r="G254">
            <v>37316</v>
          </cell>
          <cell r="H254">
            <v>6791133</v>
          </cell>
          <cell r="I254" t="str">
            <v>多可郡多可町中区糀屋240-1</v>
          </cell>
          <cell r="J254" t="str">
            <v>0795-32-1058</v>
          </cell>
          <cell r="K254" t="str">
            <v>0795-32-5261</v>
          </cell>
          <cell r="L254" t="str">
            <v>Ｈ2609　責任技術者不在</v>
          </cell>
          <cell r="M254"/>
          <cell r="N254"/>
        </row>
        <row r="255">
          <cell r="B255">
            <v>223</v>
          </cell>
          <cell r="C255" t="str">
            <v>株式会社松尾電機</v>
          </cell>
          <cell r="D255" t="str">
            <v>松尾 展光</v>
          </cell>
          <cell r="E255">
            <v>44286</v>
          </cell>
          <cell r="F255">
            <v>42461</v>
          </cell>
          <cell r="G255">
            <v>37316</v>
          </cell>
          <cell r="H255">
            <v>6770039</v>
          </cell>
          <cell r="I255" t="str">
            <v>西脇市上比延町243番地の186</v>
          </cell>
          <cell r="J255" t="str">
            <v>0795-23-3186</v>
          </cell>
          <cell r="K255" t="str">
            <v>0795-23-3477</v>
          </cell>
          <cell r="L255"/>
          <cell r="M255"/>
          <cell r="N255"/>
        </row>
        <row r="256">
          <cell r="B256"/>
          <cell r="C256"/>
          <cell r="D256"/>
          <cell r="E256"/>
          <cell r="F256"/>
          <cell r="G256"/>
          <cell r="H256"/>
          <cell r="I256"/>
          <cell r="J256"/>
          <cell r="K256"/>
          <cell r="L256"/>
          <cell r="M256"/>
          <cell r="N256"/>
        </row>
        <row r="257">
          <cell r="B257">
            <v>224</v>
          </cell>
          <cell r="C257" t="str">
            <v>美樹工業株式会社</v>
          </cell>
          <cell r="D257" t="str">
            <v>岡田　尚一郎</v>
          </cell>
          <cell r="E257">
            <v>44651</v>
          </cell>
          <cell r="F257">
            <v>42826</v>
          </cell>
          <cell r="G257">
            <v>37347</v>
          </cell>
          <cell r="H257">
            <v>6700965</v>
          </cell>
          <cell r="I257" t="str">
            <v>姫路市東延末二丁目50番地</v>
          </cell>
          <cell r="J257" t="str">
            <v>079-281-5151</v>
          </cell>
          <cell r="K257" t="str">
            <v>079-281-6610</v>
          </cell>
          <cell r="L257"/>
          <cell r="M257"/>
          <cell r="N257"/>
        </row>
        <row r="258">
          <cell r="B258"/>
          <cell r="C258"/>
          <cell r="D258"/>
          <cell r="E258"/>
          <cell r="F258"/>
          <cell r="G258"/>
          <cell r="H258"/>
          <cell r="I258"/>
          <cell r="J258"/>
          <cell r="K258"/>
          <cell r="L258"/>
          <cell r="M258"/>
          <cell r="N258"/>
        </row>
        <row r="259">
          <cell r="B259">
            <v>225</v>
          </cell>
          <cell r="C259" t="str">
            <v>高見工務店</v>
          </cell>
          <cell r="D259" t="str">
            <v>高見義勝</v>
          </cell>
          <cell r="E259" t="str">
            <v>取消</v>
          </cell>
          <cell r="F259">
            <v>37347</v>
          </cell>
          <cell r="G259">
            <v>37347</v>
          </cell>
          <cell r="H259">
            <v>6792201</v>
          </cell>
          <cell r="I259" t="str">
            <v>神崎郡福崎町大貫1430</v>
          </cell>
          <cell r="J259"/>
          <cell r="K259"/>
          <cell r="L259"/>
          <cell r="M259"/>
          <cell r="N259"/>
        </row>
        <row r="260">
          <cell r="B260">
            <v>226</v>
          </cell>
          <cell r="C260" t="str">
            <v>山陽建材㈱</v>
          </cell>
          <cell r="D260" t="str">
            <v>河合一晃</v>
          </cell>
          <cell r="E260" t="str">
            <v>取消</v>
          </cell>
          <cell r="F260"/>
          <cell r="G260"/>
          <cell r="H260">
            <v>6751358</v>
          </cell>
          <cell r="I260" t="str">
            <v>小野市粟生町3541－2</v>
          </cell>
          <cell r="J260"/>
          <cell r="K260"/>
          <cell r="L260" t="str">
            <v>辞退</v>
          </cell>
          <cell r="M260" t="str">
            <v>H210326</v>
          </cell>
          <cell r="N260"/>
        </row>
        <row r="261">
          <cell r="B261">
            <v>227</v>
          </cell>
          <cell r="C261" t="str">
            <v>ダイセイ設備</v>
          </cell>
          <cell r="D261" t="str">
            <v>大西俊一</v>
          </cell>
          <cell r="E261" t="str">
            <v>取消</v>
          </cell>
          <cell r="F261">
            <v>37377</v>
          </cell>
          <cell r="G261">
            <v>37377</v>
          </cell>
          <cell r="H261">
            <v>6712112</v>
          </cell>
          <cell r="I261" t="str">
            <v>姫路市夢前町塩田117</v>
          </cell>
          <cell r="J261"/>
          <cell r="K261"/>
          <cell r="L261" t="str">
            <v>H2403 辞退届け</v>
          </cell>
          <cell r="M261"/>
          <cell r="N261"/>
        </row>
        <row r="262">
          <cell r="B262">
            <v>228</v>
          </cell>
          <cell r="C262" t="str">
            <v>西田設備株式会社</v>
          </cell>
          <cell r="D262" t="str">
            <v>西田 健二</v>
          </cell>
          <cell r="E262">
            <v>44651</v>
          </cell>
          <cell r="F262">
            <v>42826</v>
          </cell>
          <cell r="G262">
            <v>37377</v>
          </cell>
          <cell r="H262">
            <v>6731451</v>
          </cell>
          <cell r="I262" t="str">
            <v>加東市家原537番地1</v>
          </cell>
          <cell r="J262" t="str">
            <v>0795-42-2562</v>
          </cell>
          <cell r="K262" t="str">
            <v>0795-42-5597</v>
          </cell>
          <cell r="L262"/>
          <cell r="M262"/>
          <cell r="N262"/>
        </row>
        <row r="263">
          <cell r="B263">
            <v>229</v>
          </cell>
          <cell r="C263" t="str">
            <v>塩谷運輸建設㈱</v>
          </cell>
          <cell r="D263" t="str">
            <v>塩谷宏平</v>
          </cell>
          <cell r="E263" t="str">
            <v>取消</v>
          </cell>
          <cell r="F263">
            <v>37408</v>
          </cell>
          <cell r="G263">
            <v>37408</v>
          </cell>
          <cell r="H263">
            <v>6760074</v>
          </cell>
          <cell r="I263" t="str">
            <v>高砂市梅井５丁目4-1</v>
          </cell>
          <cell r="J263"/>
          <cell r="K263"/>
          <cell r="L263" t="str">
            <v>H2210 責任技術者不在</v>
          </cell>
          <cell r="M263"/>
          <cell r="N263"/>
        </row>
        <row r="264">
          <cell r="B264">
            <v>230</v>
          </cell>
          <cell r="C264" t="str">
            <v>㈲戸田建設</v>
          </cell>
          <cell r="D264" t="str">
            <v>戸田林一</v>
          </cell>
          <cell r="E264" t="str">
            <v>取消</v>
          </cell>
          <cell r="F264">
            <v>37408</v>
          </cell>
          <cell r="G264">
            <v>37408</v>
          </cell>
          <cell r="H264">
            <v>6700802</v>
          </cell>
          <cell r="I264" t="str">
            <v>姫路市砥堀819-8</v>
          </cell>
          <cell r="J264"/>
          <cell r="K264"/>
          <cell r="L264" t="str">
            <v>辞退</v>
          </cell>
          <cell r="M264">
            <v>40766</v>
          </cell>
          <cell r="N264"/>
        </row>
        <row r="265">
          <cell r="B265">
            <v>231</v>
          </cell>
          <cell r="C265" t="str">
            <v>丸正エンジニア</v>
          </cell>
          <cell r="D265" t="str">
            <v>大橋 正二</v>
          </cell>
          <cell r="E265" t="str">
            <v>取消</v>
          </cell>
          <cell r="F265">
            <v>40997</v>
          </cell>
          <cell r="G265">
            <v>37408</v>
          </cell>
          <cell r="H265">
            <v>6792204</v>
          </cell>
          <cell r="I265" t="str">
            <v>神崎郡福崎町西田原1616-3</v>
          </cell>
          <cell r="J265" t="str">
            <v>0790-22-4747</v>
          </cell>
          <cell r="K265" t="str">
            <v>0790-22-7633</v>
          </cell>
          <cell r="L265" t="str">
            <v>H2903 辞退届提出</v>
          </cell>
          <cell r="M265"/>
          <cell r="N265"/>
        </row>
        <row r="266">
          <cell r="B266">
            <v>232</v>
          </cell>
          <cell r="C266" t="str">
            <v>三協</v>
          </cell>
          <cell r="D266" t="str">
            <v>伊藤政晴</v>
          </cell>
          <cell r="E266" t="str">
            <v>取消</v>
          </cell>
          <cell r="F266">
            <v>37438</v>
          </cell>
          <cell r="G266">
            <v>37438</v>
          </cell>
          <cell r="H266">
            <v>6791122</v>
          </cell>
          <cell r="I266" t="str">
            <v>多可郡多可町中区中安田18番地の1</v>
          </cell>
          <cell r="J266" t="str">
            <v>0795-32-0316</v>
          </cell>
          <cell r="K266" t="str">
            <v>0795-32-5888</v>
          </cell>
          <cell r="L266" t="str">
            <v>H2403 更新手続きなし</v>
          </cell>
          <cell r="M266"/>
          <cell r="N266"/>
        </row>
        <row r="267">
          <cell r="B267">
            <v>233</v>
          </cell>
          <cell r="C267" t="str">
            <v>大一建設株式会社</v>
          </cell>
          <cell r="D267" t="str">
            <v>後藤 聡志</v>
          </cell>
          <cell r="E267">
            <v>44651</v>
          </cell>
          <cell r="F267">
            <v>42826</v>
          </cell>
          <cell r="G267">
            <v>37438</v>
          </cell>
          <cell r="H267">
            <v>6752342</v>
          </cell>
          <cell r="I267" t="str">
            <v>加西市西長町1089番地の81</v>
          </cell>
          <cell r="J267" t="str">
            <v>0790-46-0190</v>
          </cell>
          <cell r="K267" t="str">
            <v>0790-46-1059</v>
          </cell>
          <cell r="L267"/>
          <cell r="M267"/>
          <cell r="N267"/>
        </row>
        <row r="268">
          <cell r="B268">
            <v>234</v>
          </cell>
          <cell r="C268" t="str">
            <v>京立建材有限会社</v>
          </cell>
          <cell r="D268" t="str">
            <v>内橋 寛聡</v>
          </cell>
          <cell r="E268">
            <v>44651</v>
          </cell>
          <cell r="F268">
            <v>42826</v>
          </cell>
          <cell r="G268">
            <v>37438</v>
          </cell>
          <cell r="H268">
            <v>6770122</v>
          </cell>
          <cell r="I268" t="str">
            <v>多可郡多可町八千代区下野間894番地</v>
          </cell>
          <cell r="J268" t="str">
            <v>0795-37-0171</v>
          </cell>
          <cell r="K268" t="str">
            <v>0795-37-0274</v>
          </cell>
          <cell r="L268"/>
          <cell r="M268"/>
          <cell r="N268"/>
        </row>
        <row r="269">
          <cell r="B269">
            <v>235</v>
          </cell>
          <cell r="C269" t="str">
            <v>㈲橋尾電機商会</v>
          </cell>
          <cell r="D269" t="str">
            <v>橋尾彰望</v>
          </cell>
          <cell r="E269" t="str">
            <v>取消</v>
          </cell>
          <cell r="F269">
            <v>37469</v>
          </cell>
          <cell r="G269">
            <v>37469</v>
          </cell>
          <cell r="H269"/>
          <cell r="I269" t="str">
            <v>多可郡多可町八千代区大和1031</v>
          </cell>
          <cell r="J269"/>
          <cell r="K269"/>
          <cell r="L269"/>
          <cell r="M269"/>
          <cell r="N269"/>
        </row>
        <row r="270">
          <cell r="B270">
            <v>236</v>
          </cell>
          <cell r="C270" t="str">
            <v>冨田電氣㈱</v>
          </cell>
          <cell r="D270" t="str">
            <v>冨田みほ</v>
          </cell>
          <cell r="E270" t="str">
            <v>取消</v>
          </cell>
          <cell r="F270">
            <v>37469</v>
          </cell>
          <cell r="G270">
            <v>37469</v>
          </cell>
          <cell r="H270">
            <v>6731433</v>
          </cell>
          <cell r="I270" t="str">
            <v>加東市松尾562-1</v>
          </cell>
          <cell r="J270"/>
          <cell r="K270"/>
          <cell r="L270" t="str">
            <v>H2403 辞退届け</v>
          </cell>
          <cell r="M270"/>
          <cell r="N270"/>
        </row>
        <row r="271">
          <cell r="B271">
            <v>237</v>
          </cell>
          <cell r="C271" t="str">
            <v>株式会社嶋谷</v>
          </cell>
          <cell r="D271" t="str">
            <v>嶋谷 拓雄</v>
          </cell>
          <cell r="E271" t="str">
            <v>取消</v>
          </cell>
          <cell r="F271">
            <v>40997</v>
          </cell>
          <cell r="G271">
            <v>37469</v>
          </cell>
          <cell r="H271">
            <v>6760804</v>
          </cell>
          <cell r="I271" t="str">
            <v>高砂市美保里8番3号</v>
          </cell>
          <cell r="J271" t="str">
            <v>079-442-8890</v>
          </cell>
          <cell r="K271" t="str">
            <v>079-442-8938</v>
          </cell>
          <cell r="L271" t="str">
            <v>H2903 更新手続きなし</v>
          </cell>
          <cell r="M271"/>
          <cell r="N271"/>
        </row>
        <row r="272">
          <cell r="B272">
            <v>238</v>
          </cell>
          <cell r="C272" t="str">
            <v>松岡設備株式会社</v>
          </cell>
          <cell r="D272" t="str">
            <v>松岡　弘明</v>
          </cell>
          <cell r="E272">
            <v>44651</v>
          </cell>
          <cell r="F272">
            <v>42826</v>
          </cell>
          <cell r="G272">
            <v>37469</v>
          </cell>
          <cell r="H272">
            <v>6792204</v>
          </cell>
          <cell r="I272" t="str">
            <v>神崎郡福崎町西田原1572番地2</v>
          </cell>
          <cell r="J272" t="str">
            <v>0790-22-1828</v>
          </cell>
          <cell r="K272" t="str">
            <v>0790-22-5167</v>
          </cell>
          <cell r="L272"/>
          <cell r="M272"/>
          <cell r="N272"/>
        </row>
        <row r="273">
          <cell r="B273">
            <v>239</v>
          </cell>
          <cell r="C273" t="str">
            <v>鬼本工業有限会社</v>
          </cell>
          <cell r="D273" t="str">
            <v>坂本 文男</v>
          </cell>
          <cell r="E273">
            <v>44651</v>
          </cell>
          <cell r="F273">
            <v>42826</v>
          </cell>
          <cell r="G273">
            <v>37500</v>
          </cell>
          <cell r="H273">
            <v>6792217</v>
          </cell>
          <cell r="I273" t="str">
            <v>神崎郡福崎町高岡1461番地</v>
          </cell>
          <cell r="J273" t="str">
            <v>0790-22-5614</v>
          </cell>
          <cell r="K273" t="str">
            <v>0790-22-6053</v>
          </cell>
          <cell r="L273"/>
          <cell r="M273"/>
          <cell r="N273"/>
        </row>
        <row r="274">
          <cell r="B274">
            <v>240</v>
          </cell>
          <cell r="C274" t="str">
            <v>有限会社ゴトウハウジング</v>
          </cell>
          <cell r="D274" t="str">
            <v>後藤 達之</v>
          </cell>
          <cell r="E274">
            <v>44651</v>
          </cell>
          <cell r="F274">
            <v>42826</v>
          </cell>
          <cell r="G274">
            <v>37500</v>
          </cell>
          <cell r="H274">
            <v>6610025</v>
          </cell>
          <cell r="I274" t="str">
            <v>尼崎市立花町三丁目32番23号</v>
          </cell>
          <cell r="J274" t="str">
            <v>06-6422-4700</v>
          </cell>
          <cell r="K274" t="str">
            <v>06-6422-4711</v>
          </cell>
          <cell r="L274"/>
          <cell r="M274"/>
          <cell r="N274"/>
        </row>
        <row r="275">
          <cell r="B275">
            <v>241</v>
          </cell>
          <cell r="C275" t="str">
            <v>長谷川電設</v>
          </cell>
          <cell r="D275" t="str">
            <v>長谷川肇</v>
          </cell>
          <cell r="E275" t="str">
            <v>取消</v>
          </cell>
          <cell r="F275">
            <v>37530</v>
          </cell>
          <cell r="G275">
            <v>37530</v>
          </cell>
          <cell r="H275">
            <v>6770066</v>
          </cell>
          <cell r="I275" t="str">
            <v>西脇市水尾町62-1　　</v>
          </cell>
          <cell r="J275"/>
          <cell r="K275"/>
          <cell r="L275" t="str">
            <v>H2403 更新手続きなし</v>
          </cell>
          <cell r="M275"/>
          <cell r="N275"/>
        </row>
        <row r="276">
          <cell r="B276">
            <v>242</v>
          </cell>
          <cell r="C276" t="str">
            <v>株式会社堀口</v>
          </cell>
          <cell r="D276" t="str">
            <v>堀口 彰一</v>
          </cell>
          <cell r="E276">
            <v>44651</v>
          </cell>
          <cell r="F276">
            <v>42826</v>
          </cell>
          <cell r="G276">
            <v>37530</v>
          </cell>
          <cell r="H276">
            <v>6792414</v>
          </cell>
          <cell r="I276" t="str">
            <v>神崎郡神河町粟賀町466番地の1</v>
          </cell>
          <cell r="J276" t="str">
            <v>0790-32-1138</v>
          </cell>
          <cell r="K276" t="str">
            <v>0790-32-1630</v>
          </cell>
          <cell r="L276"/>
          <cell r="M276"/>
          <cell r="N276"/>
        </row>
        <row r="277">
          <cell r="B277"/>
          <cell r="C277"/>
          <cell r="D277"/>
          <cell r="E277" t="str">
            <v>取消</v>
          </cell>
          <cell r="F277"/>
          <cell r="G277"/>
          <cell r="H277"/>
          <cell r="I277"/>
          <cell r="J277"/>
          <cell r="K277"/>
          <cell r="L277"/>
          <cell r="M277"/>
          <cell r="N277"/>
        </row>
        <row r="278">
          <cell r="B278">
            <v>243</v>
          </cell>
          <cell r="C278" t="str">
            <v>有限会社アビリティ・西畑</v>
          </cell>
          <cell r="D278" t="str">
            <v>西畑 清春</v>
          </cell>
          <cell r="E278" t="str">
            <v>取消</v>
          </cell>
          <cell r="F278">
            <v>40997</v>
          </cell>
          <cell r="G278">
            <v>37530</v>
          </cell>
          <cell r="H278">
            <v>6752241</v>
          </cell>
          <cell r="I278" t="str">
            <v>加西市段下町23番地の4</v>
          </cell>
          <cell r="J278" t="str">
            <v>0790-48-4868</v>
          </cell>
          <cell r="K278" t="str">
            <v>0790-48-4870</v>
          </cell>
          <cell r="L278" t="str">
            <v>Ｈ2609　責任技術者不在</v>
          </cell>
          <cell r="M278"/>
          <cell r="N278"/>
        </row>
        <row r="279">
          <cell r="B279">
            <v>244</v>
          </cell>
          <cell r="C279" t="str">
            <v>森本電工</v>
          </cell>
          <cell r="D279" t="str">
            <v>森本 幸夫</v>
          </cell>
          <cell r="E279">
            <v>44651</v>
          </cell>
          <cell r="F279">
            <v>42826</v>
          </cell>
          <cell r="G279">
            <v>37561</v>
          </cell>
          <cell r="H279">
            <v>6792318</v>
          </cell>
          <cell r="I279" t="str">
            <v>神崎郡市川町小畑1403</v>
          </cell>
          <cell r="J279" t="str">
            <v>0790-26-2445</v>
          </cell>
          <cell r="K279" t="str">
            <v>0790-26-1249</v>
          </cell>
          <cell r="L279"/>
          <cell r="M279"/>
          <cell r="N279"/>
        </row>
        <row r="280">
          <cell r="B280">
            <v>245</v>
          </cell>
          <cell r="C280" t="str">
            <v>平成設備工業株式会社</v>
          </cell>
          <cell r="D280" t="str">
            <v>上月 一朗</v>
          </cell>
          <cell r="E280" t="str">
            <v>取消</v>
          </cell>
          <cell r="F280">
            <v>40997</v>
          </cell>
          <cell r="G280">
            <v>37561</v>
          </cell>
          <cell r="H280">
            <v>6731431</v>
          </cell>
          <cell r="I280" t="str">
            <v>加東市社614番地</v>
          </cell>
          <cell r="J280" t="str">
            <v>0795-42-4105</v>
          </cell>
          <cell r="K280" t="str">
            <v>0795-42-7222</v>
          </cell>
          <cell r="L280" t="str">
            <v>H2903 更新手続きなし</v>
          </cell>
          <cell r="M280"/>
          <cell r="N280"/>
        </row>
        <row r="281">
          <cell r="B281">
            <v>246</v>
          </cell>
          <cell r="C281" t="str">
            <v>西播環境整備株式会社</v>
          </cell>
          <cell r="D281" t="str">
            <v>古川 直一</v>
          </cell>
          <cell r="E281" t="str">
            <v>取消</v>
          </cell>
          <cell r="F281">
            <v>40997</v>
          </cell>
          <cell r="G281">
            <v>37591</v>
          </cell>
          <cell r="H281">
            <v>6711102</v>
          </cell>
          <cell r="I281" t="str">
            <v>姫路市広畑区蒲田一丁目1516番地の7</v>
          </cell>
          <cell r="J281" t="str">
            <v>079-237-0331</v>
          </cell>
          <cell r="K281" t="str">
            <v>079-237-3899</v>
          </cell>
          <cell r="L281" t="str">
            <v>Ｈ2609　責任技術者不在</v>
          </cell>
          <cell r="M281"/>
          <cell r="N281"/>
        </row>
        <row r="282">
          <cell r="B282">
            <v>247</v>
          </cell>
          <cell r="C282" t="str">
            <v>㈱富士技建</v>
          </cell>
          <cell r="D282" t="str">
            <v>酒井正司</v>
          </cell>
          <cell r="E282" t="str">
            <v>取消</v>
          </cell>
          <cell r="F282">
            <v>37591</v>
          </cell>
          <cell r="G282">
            <v>37591</v>
          </cell>
          <cell r="H282">
            <v>6770052</v>
          </cell>
          <cell r="I282" t="str">
            <v>西脇市和田町53</v>
          </cell>
          <cell r="J282"/>
          <cell r="K282"/>
          <cell r="L282"/>
          <cell r="M282"/>
          <cell r="N282"/>
        </row>
        <row r="283">
          <cell r="B283">
            <v>248</v>
          </cell>
          <cell r="C283" t="str">
            <v>サンテック</v>
          </cell>
          <cell r="D283" t="str">
            <v>山口武光</v>
          </cell>
          <cell r="E283" t="str">
            <v>取消</v>
          </cell>
          <cell r="F283">
            <v>37622</v>
          </cell>
          <cell r="G283">
            <v>37622</v>
          </cell>
          <cell r="H283">
            <v>6750017</v>
          </cell>
          <cell r="I283" t="str">
            <v>加古川市野口町良野588-12</v>
          </cell>
          <cell r="J283"/>
          <cell r="K283"/>
          <cell r="L283" t="str">
            <v>H2109 責任技術者不在</v>
          </cell>
          <cell r="M283"/>
          <cell r="N283"/>
        </row>
        <row r="284">
          <cell r="B284">
            <v>249</v>
          </cell>
          <cell r="C284" t="str">
            <v>正井設備</v>
          </cell>
          <cell r="D284" t="str">
            <v>正井 公哉</v>
          </cell>
          <cell r="E284">
            <v>44651</v>
          </cell>
          <cell r="F284">
            <v>42826</v>
          </cell>
          <cell r="G284">
            <v>37622</v>
          </cell>
          <cell r="H284">
            <v>6790311</v>
          </cell>
          <cell r="I284" t="str">
            <v>西脇市黒田庄町喜多343</v>
          </cell>
          <cell r="J284" t="str">
            <v>0795-45-9708</v>
          </cell>
          <cell r="K284" t="str">
            <v>0795-45-9709</v>
          </cell>
          <cell r="L284"/>
          <cell r="M284"/>
          <cell r="N284"/>
        </row>
        <row r="285">
          <cell r="B285">
            <v>250</v>
          </cell>
          <cell r="C285" t="str">
            <v>西松設備工業</v>
          </cell>
          <cell r="D285" t="str">
            <v>西松緋佐子</v>
          </cell>
          <cell r="E285" t="str">
            <v>取消</v>
          </cell>
          <cell r="F285">
            <v>37622</v>
          </cell>
          <cell r="G285">
            <v>37622</v>
          </cell>
          <cell r="H285">
            <v>6512405</v>
          </cell>
          <cell r="I285" t="str">
            <v>神戸市西区岩岡町野中78-2</v>
          </cell>
          <cell r="J285"/>
          <cell r="K285"/>
          <cell r="L285"/>
          <cell r="M285"/>
          <cell r="N285"/>
        </row>
        <row r="286">
          <cell r="B286">
            <v>251</v>
          </cell>
          <cell r="C286" t="str">
            <v>奥坂建設</v>
          </cell>
          <cell r="D286" t="str">
            <v>奥坂尚志</v>
          </cell>
          <cell r="E286" t="str">
            <v>取消</v>
          </cell>
          <cell r="F286">
            <v>37653</v>
          </cell>
          <cell r="G286">
            <v>37653</v>
          </cell>
          <cell r="H286">
            <v>6751358</v>
          </cell>
          <cell r="I286" t="str">
            <v>小野市粟生町1066-1</v>
          </cell>
          <cell r="J286"/>
          <cell r="K286"/>
          <cell r="L286" t="str">
            <v>H2403 更新手続きなし</v>
          </cell>
          <cell r="M286"/>
          <cell r="N286"/>
        </row>
        <row r="287">
          <cell r="B287">
            <v>252</v>
          </cell>
          <cell r="C287" t="str">
            <v>株式会社ダイヤ工業</v>
          </cell>
          <cell r="D287" t="str">
            <v>伊勢 雷希</v>
          </cell>
          <cell r="E287" t="str">
            <v>取消</v>
          </cell>
          <cell r="F287">
            <v>40997</v>
          </cell>
          <cell r="G287">
            <v>37653</v>
          </cell>
          <cell r="H287">
            <v>6512413</v>
          </cell>
          <cell r="I287" t="str">
            <v>神戸市西区福吉台二丁目25番地の20</v>
          </cell>
          <cell r="J287" t="str">
            <v>078-967-0413</v>
          </cell>
          <cell r="K287" t="str">
            <v>078-967-2109</v>
          </cell>
          <cell r="L287" t="str">
            <v>H2903 更新手続きなし</v>
          </cell>
          <cell r="M287"/>
          <cell r="N287"/>
        </row>
        <row r="288">
          <cell r="B288">
            <v>253</v>
          </cell>
          <cell r="C288" t="str">
            <v>西口設備</v>
          </cell>
          <cell r="D288" t="str">
            <v>西口 長宏</v>
          </cell>
          <cell r="E288">
            <v>44651</v>
          </cell>
          <cell r="F288">
            <v>42826</v>
          </cell>
          <cell r="G288">
            <v>37681</v>
          </cell>
          <cell r="H288">
            <v>6791336</v>
          </cell>
          <cell r="I288" t="str">
            <v>多可郡多可町加美区杉原9番地　　　　</v>
          </cell>
          <cell r="J288" t="str">
            <v>0795-36-1160</v>
          </cell>
          <cell r="K288" t="str">
            <v>0795-36-1160</v>
          </cell>
          <cell r="L288"/>
          <cell r="M288"/>
          <cell r="N288"/>
        </row>
        <row r="289">
          <cell r="B289">
            <v>254</v>
          </cell>
          <cell r="C289" t="str">
            <v>廣田建材</v>
          </cell>
          <cell r="D289" t="str">
            <v>廣田 量久</v>
          </cell>
          <cell r="E289">
            <v>45016</v>
          </cell>
          <cell r="F289">
            <v>43191</v>
          </cell>
          <cell r="G289">
            <v>37712</v>
          </cell>
          <cell r="H289">
            <v>6752421</v>
          </cell>
          <cell r="I289" t="str">
            <v>加西市河内町601番地3</v>
          </cell>
          <cell r="J289" t="str">
            <v>0790-45-1390</v>
          </cell>
          <cell r="K289" t="str">
            <v>0790-45-1390</v>
          </cell>
          <cell r="L289"/>
          <cell r="M289"/>
          <cell r="N289"/>
        </row>
        <row r="290">
          <cell r="B290">
            <v>255</v>
          </cell>
          <cell r="C290" t="str">
            <v>イズイ設備</v>
          </cell>
          <cell r="D290" t="str">
            <v>出井雅浩</v>
          </cell>
          <cell r="E290" t="str">
            <v>取消</v>
          </cell>
          <cell r="F290">
            <v>43191</v>
          </cell>
          <cell r="G290">
            <v>37803</v>
          </cell>
          <cell r="H290">
            <v>6770013</v>
          </cell>
          <cell r="I290" t="str">
            <v>西脇市日野町17番地</v>
          </cell>
          <cell r="J290" t="str">
            <v>0795-22-1061</v>
          </cell>
          <cell r="K290" t="str">
            <v>0795-22-5265</v>
          </cell>
          <cell r="L290"/>
          <cell r="M290"/>
          <cell r="N290"/>
        </row>
        <row r="291">
          <cell r="B291">
            <v>256</v>
          </cell>
          <cell r="C291" t="str">
            <v>㈱オギタ商会</v>
          </cell>
          <cell r="D291" t="str">
            <v>荻田喬音</v>
          </cell>
          <cell r="E291" t="str">
            <v>取消</v>
          </cell>
          <cell r="F291">
            <v>37803</v>
          </cell>
          <cell r="G291">
            <v>37803</v>
          </cell>
          <cell r="H291">
            <v>6700052</v>
          </cell>
          <cell r="I291" t="str">
            <v>姫路市今宿2017</v>
          </cell>
          <cell r="J291"/>
          <cell r="K291"/>
          <cell r="L291" t="str">
            <v>辞退</v>
          </cell>
          <cell r="M291" t="str">
            <v>H18.11.24辞退届</v>
          </cell>
          <cell r="N291"/>
        </row>
        <row r="292">
          <cell r="B292">
            <v>257</v>
          </cell>
          <cell r="C292" t="str">
            <v>㈱吉電</v>
          </cell>
          <cell r="D292" t="str">
            <v>吉岡克巳</v>
          </cell>
          <cell r="E292" t="str">
            <v>取消</v>
          </cell>
          <cell r="F292">
            <v>37803</v>
          </cell>
          <cell r="G292">
            <v>37803</v>
          </cell>
          <cell r="H292">
            <v>6790303</v>
          </cell>
          <cell r="I292" t="str">
            <v>西脇市黒田庄町前坂1545-1</v>
          </cell>
          <cell r="J292"/>
          <cell r="K292"/>
          <cell r="L292" t="str">
            <v>H2503 更新手続きなし</v>
          </cell>
          <cell r="M292"/>
          <cell r="N292"/>
        </row>
        <row r="293">
          <cell r="B293">
            <v>258</v>
          </cell>
          <cell r="C293" t="str">
            <v>寿建設株式会社</v>
          </cell>
          <cell r="D293" t="str">
            <v>橋本 幸治</v>
          </cell>
          <cell r="E293">
            <v>45016</v>
          </cell>
          <cell r="F293">
            <v>43191</v>
          </cell>
          <cell r="G293">
            <v>37895</v>
          </cell>
          <cell r="H293">
            <v>6770017</v>
          </cell>
          <cell r="I293" t="str">
            <v>西脇市小坂177番地の1</v>
          </cell>
          <cell r="J293" t="str">
            <v>0795-22-2986</v>
          </cell>
          <cell r="K293" t="str">
            <v>0795-22-6104</v>
          </cell>
          <cell r="L293"/>
          <cell r="M293"/>
          <cell r="N293"/>
        </row>
        <row r="294">
          <cell r="B294">
            <v>259</v>
          </cell>
          <cell r="C294" t="str">
            <v>古川設備</v>
          </cell>
          <cell r="D294" t="str">
            <v>古川 啓介</v>
          </cell>
          <cell r="E294">
            <v>45016</v>
          </cell>
          <cell r="F294">
            <v>43191</v>
          </cell>
          <cell r="G294">
            <v>37895</v>
          </cell>
          <cell r="H294">
            <v>6792155</v>
          </cell>
          <cell r="I294" t="str">
            <v>姫路市香寺町矢田部６２９番地９</v>
          </cell>
          <cell r="J294" t="str">
            <v>0792-32-1787</v>
          </cell>
          <cell r="K294" t="str">
            <v>079-232-1787</v>
          </cell>
          <cell r="L294"/>
          <cell r="M294"/>
          <cell r="N294"/>
        </row>
        <row r="295">
          <cell r="B295">
            <v>260</v>
          </cell>
          <cell r="C295" t="str">
            <v>株式会社村上住設</v>
          </cell>
          <cell r="D295" t="str">
            <v>村上 喜八郎</v>
          </cell>
          <cell r="E295" t="str">
            <v>取消</v>
          </cell>
          <cell r="F295">
            <v>41365</v>
          </cell>
          <cell r="G295">
            <v>39517</v>
          </cell>
          <cell r="H295">
            <v>6731462</v>
          </cell>
          <cell r="I295" t="str">
            <v>加東市藤田148番地2</v>
          </cell>
          <cell r="J295" t="str">
            <v>0795-42-1127</v>
          </cell>
          <cell r="K295" t="str">
            <v>0795-42-3342</v>
          </cell>
          <cell r="L295" t="str">
            <v>H2903 更新手続きなし</v>
          </cell>
          <cell r="M295"/>
          <cell r="N295"/>
        </row>
        <row r="296">
          <cell r="B296">
            <v>261</v>
          </cell>
          <cell r="C296" t="str">
            <v>大久保デンキ</v>
          </cell>
          <cell r="D296" t="str">
            <v>大久保　尚明</v>
          </cell>
          <cell r="E296" t="str">
            <v>取消</v>
          </cell>
          <cell r="F296">
            <v>41365</v>
          </cell>
          <cell r="G296">
            <v>37895</v>
          </cell>
          <cell r="H296">
            <v>6731464</v>
          </cell>
          <cell r="I296" t="str">
            <v>加東市上中１丁目９３番地</v>
          </cell>
          <cell r="J296" t="str">
            <v>0795-42-3155</v>
          </cell>
          <cell r="K296"/>
          <cell r="L296" t="str">
            <v>H2903 更新手続きなし</v>
          </cell>
          <cell r="M296"/>
          <cell r="N296"/>
        </row>
        <row r="297">
          <cell r="B297">
            <v>262</v>
          </cell>
          <cell r="C297" t="str">
            <v>生田電機設備(有)</v>
          </cell>
          <cell r="D297" t="str">
            <v>生田和彦</v>
          </cell>
          <cell r="E297" t="str">
            <v>取消</v>
          </cell>
          <cell r="F297">
            <v>37895</v>
          </cell>
          <cell r="G297">
            <v>37895</v>
          </cell>
          <cell r="H297">
            <v>6770039</v>
          </cell>
          <cell r="I297" t="str">
            <v>西脇市上比延町４７２</v>
          </cell>
          <cell r="J297"/>
          <cell r="K297"/>
          <cell r="L297"/>
          <cell r="M297"/>
          <cell r="N297"/>
        </row>
        <row r="298">
          <cell r="B298">
            <v>263</v>
          </cell>
          <cell r="C298" t="str">
            <v>㈲住設工業</v>
          </cell>
          <cell r="D298" t="str">
            <v>大塚克己</v>
          </cell>
          <cell r="E298" t="str">
            <v>取消</v>
          </cell>
          <cell r="F298">
            <v>41365</v>
          </cell>
          <cell r="G298">
            <v>37895</v>
          </cell>
          <cell r="H298">
            <v>6750034</v>
          </cell>
          <cell r="I298" t="str">
            <v>加古川市加古川町稲屋５３－２</v>
          </cell>
          <cell r="J298" t="str">
            <v>079-454-5081</v>
          </cell>
          <cell r="K298"/>
          <cell r="L298"/>
          <cell r="M298"/>
          <cell r="N298"/>
        </row>
        <row r="299">
          <cell r="B299">
            <v>264</v>
          </cell>
          <cell r="C299" t="str">
            <v>加地設備機器(株)</v>
          </cell>
          <cell r="D299" t="str">
            <v>加地正巳</v>
          </cell>
          <cell r="E299" t="str">
            <v>取消</v>
          </cell>
          <cell r="F299"/>
          <cell r="G299"/>
          <cell r="H299"/>
          <cell r="I299" t="str">
            <v>神戸市須磨区政町1丁目1-30</v>
          </cell>
          <cell r="J299">
            <v>37993</v>
          </cell>
          <cell r="K299">
            <v>6750017</v>
          </cell>
          <cell r="L299" t="str">
            <v>加古川市野口町良野876-1</v>
          </cell>
          <cell r="M299" t="str">
            <v>079-427-1925</v>
          </cell>
          <cell r="N299"/>
        </row>
        <row r="300">
          <cell r="B300">
            <v>265</v>
          </cell>
          <cell r="C300" t="str">
            <v>オオウチ</v>
          </cell>
          <cell r="D300" t="str">
            <v>萩原千恵</v>
          </cell>
          <cell r="E300" t="str">
            <v>取消</v>
          </cell>
          <cell r="F300">
            <v>37895</v>
          </cell>
          <cell r="G300" t="str">
            <v>取消</v>
          </cell>
          <cell r="H300">
            <v>6512113</v>
          </cell>
          <cell r="I300" t="str">
            <v>神戸市西区伊川谷町有瀬576-1ﾌﾟﾚｽﾃｰｼﾞ西神戸Ⅴ206号</v>
          </cell>
          <cell r="J300"/>
          <cell r="K300"/>
          <cell r="L300"/>
          <cell r="M300"/>
          <cell r="N300"/>
        </row>
        <row r="301">
          <cell r="B301">
            <v>266</v>
          </cell>
          <cell r="C301" t="str">
            <v>有限会社日東設備工業</v>
          </cell>
          <cell r="D301" t="str">
            <v>本岡康一</v>
          </cell>
          <cell r="E301">
            <v>45016</v>
          </cell>
          <cell r="F301">
            <v>43191</v>
          </cell>
          <cell r="G301">
            <v>37993</v>
          </cell>
          <cell r="H301">
            <v>6750017</v>
          </cell>
          <cell r="I301" t="str">
            <v>加古川市野口町良野876番地の1</v>
          </cell>
          <cell r="J301" t="str">
            <v>079-427-1925</v>
          </cell>
          <cell r="K301" t="str">
            <v>079-427-1915</v>
          </cell>
          <cell r="L301"/>
          <cell r="M301"/>
          <cell r="N301"/>
        </row>
        <row r="302">
          <cell r="B302">
            <v>267</v>
          </cell>
          <cell r="C302" t="str">
            <v>㈲ウチハシ建設</v>
          </cell>
          <cell r="D302" t="str">
            <v>内橋和夫</v>
          </cell>
          <cell r="E302" t="str">
            <v>取消</v>
          </cell>
          <cell r="F302">
            <v>37993</v>
          </cell>
          <cell r="G302">
            <v>37993</v>
          </cell>
          <cell r="H302">
            <v>6770037</v>
          </cell>
          <cell r="I302" t="str">
            <v>西脇市比延町322-3</v>
          </cell>
          <cell r="J302"/>
          <cell r="K302"/>
          <cell r="L302"/>
          <cell r="M302"/>
          <cell r="N302"/>
        </row>
        <row r="303">
          <cell r="B303">
            <v>268</v>
          </cell>
          <cell r="C303" t="str">
            <v>㈱アンダーハウスコーポレーション</v>
          </cell>
          <cell r="D303" t="str">
            <v>立木祥治</v>
          </cell>
          <cell r="E303" t="str">
            <v>取消</v>
          </cell>
          <cell r="F303">
            <v>37993</v>
          </cell>
          <cell r="G303">
            <v>37993</v>
          </cell>
          <cell r="H303">
            <v>6510084</v>
          </cell>
          <cell r="I303" t="str">
            <v>神戸市中央区磯辺通3丁目2-17ﾜｰﾙﾄﾞ三宮ﾋﾞﾙ6階</v>
          </cell>
          <cell r="J303"/>
          <cell r="K303"/>
          <cell r="L303"/>
          <cell r="M303"/>
          <cell r="N303"/>
        </row>
        <row r="304">
          <cell r="B304">
            <v>269</v>
          </cell>
          <cell r="C304" t="str">
            <v>㈱タブキ工務店</v>
          </cell>
          <cell r="D304" t="str">
            <v>椨木新一</v>
          </cell>
          <cell r="E304" t="str">
            <v>取消</v>
          </cell>
          <cell r="F304">
            <v>37993</v>
          </cell>
          <cell r="G304">
            <v>37993</v>
          </cell>
          <cell r="H304">
            <v>6750148</v>
          </cell>
          <cell r="I304" t="str">
            <v>加古郡播磨町北古田２丁目1-1</v>
          </cell>
          <cell r="J304"/>
          <cell r="K304"/>
          <cell r="L304"/>
          <cell r="M304"/>
          <cell r="N304"/>
        </row>
        <row r="305">
          <cell r="B305">
            <v>270</v>
          </cell>
          <cell r="C305" t="str">
            <v>小野燃料株式会社</v>
          </cell>
          <cell r="D305" t="str">
            <v>陰山 長郷</v>
          </cell>
          <cell r="E305" t="str">
            <v>取消</v>
          </cell>
          <cell r="F305">
            <v>39897</v>
          </cell>
          <cell r="G305">
            <v>38077</v>
          </cell>
          <cell r="H305">
            <v>6751369</v>
          </cell>
          <cell r="I305" t="str">
            <v>小野市高田町1774-5</v>
          </cell>
          <cell r="J305" t="str">
            <v>0794-62-4966</v>
          </cell>
          <cell r="K305" t="str">
            <v>0794-62-4848</v>
          </cell>
          <cell r="L305" t="str">
            <v>Ｈ2603　人材不足の為、更新ない</v>
          </cell>
          <cell r="M305"/>
          <cell r="N305"/>
        </row>
        <row r="306">
          <cell r="B306">
            <v>271</v>
          </cell>
          <cell r="C306" t="str">
            <v>㈲アップルリフォーム</v>
          </cell>
          <cell r="D306" t="str">
            <v>杉山啓二</v>
          </cell>
          <cell r="E306" t="str">
            <v>取消</v>
          </cell>
          <cell r="F306">
            <v>38077</v>
          </cell>
          <cell r="G306">
            <v>38077</v>
          </cell>
          <cell r="H306">
            <v>6711121</v>
          </cell>
          <cell r="I306" t="str">
            <v>姫路市広畑区東新町3丁目131</v>
          </cell>
          <cell r="J306"/>
          <cell r="K306"/>
          <cell r="L306" t="str">
            <v>Ｈ2103 更新手続きなし</v>
          </cell>
          <cell r="M306"/>
          <cell r="N306"/>
        </row>
        <row r="307">
          <cell r="B307">
            <v>272</v>
          </cell>
          <cell r="C307" t="str">
            <v>大矢電器</v>
          </cell>
          <cell r="D307" t="str">
            <v>尾花 幸雄</v>
          </cell>
          <cell r="E307">
            <v>45382</v>
          </cell>
          <cell r="F307">
            <v>43556</v>
          </cell>
          <cell r="G307">
            <v>38077</v>
          </cell>
          <cell r="H307">
            <v>6700931</v>
          </cell>
          <cell r="I307" t="str">
            <v>姫路市坂田町109番地</v>
          </cell>
          <cell r="J307" t="str">
            <v>079-285-0658</v>
          </cell>
          <cell r="K307" t="str">
            <v>079-285-0659</v>
          </cell>
          <cell r="L307"/>
          <cell r="M307"/>
          <cell r="N307"/>
        </row>
        <row r="308">
          <cell r="B308">
            <v>273</v>
          </cell>
          <cell r="C308" t="str">
            <v>三起設備工業株式会社</v>
          </cell>
          <cell r="D308" t="str">
            <v>上野　道男</v>
          </cell>
          <cell r="E308">
            <v>45382</v>
          </cell>
          <cell r="F308">
            <v>43556</v>
          </cell>
          <cell r="G308">
            <v>38077</v>
          </cell>
          <cell r="H308">
            <v>6691323</v>
          </cell>
          <cell r="I308" t="str">
            <v>三田市高次二丁目15番13号</v>
          </cell>
          <cell r="J308" t="str">
            <v>079-563-7407</v>
          </cell>
          <cell r="K308" t="str">
            <v>079-563-7409</v>
          </cell>
          <cell r="L308"/>
          <cell r="M308"/>
          <cell r="N308"/>
        </row>
        <row r="309">
          <cell r="B309"/>
          <cell r="C309"/>
          <cell r="D309"/>
          <cell r="E309"/>
          <cell r="F309"/>
          <cell r="G309"/>
          <cell r="H309"/>
          <cell r="I309"/>
          <cell r="J309"/>
          <cell r="K309"/>
          <cell r="L309"/>
          <cell r="M309"/>
          <cell r="N309"/>
        </row>
        <row r="310">
          <cell r="B310"/>
          <cell r="C310"/>
          <cell r="D310"/>
          <cell r="E310"/>
          <cell r="F310"/>
          <cell r="G310"/>
          <cell r="H310"/>
          <cell r="I310"/>
          <cell r="J310"/>
          <cell r="K310"/>
          <cell r="L310"/>
          <cell r="M310"/>
          <cell r="N310"/>
        </row>
        <row r="311">
          <cell r="B311">
            <v>274</v>
          </cell>
          <cell r="C311" t="str">
            <v>後藤建設工業株式会社</v>
          </cell>
          <cell r="D311" t="str">
            <v>後藤　正和</v>
          </cell>
          <cell r="E311">
            <v>45382</v>
          </cell>
          <cell r="F311">
            <v>43556</v>
          </cell>
          <cell r="G311">
            <v>38077</v>
          </cell>
          <cell r="H311">
            <v>6752103</v>
          </cell>
          <cell r="I311" t="str">
            <v>加西市鶉野町2213</v>
          </cell>
          <cell r="J311" t="str">
            <v>0790-49-1497</v>
          </cell>
          <cell r="K311" t="str">
            <v>0790-49-0677</v>
          </cell>
          <cell r="L311"/>
          <cell r="M311"/>
          <cell r="N311"/>
        </row>
        <row r="312">
          <cell r="B312">
            <v>275</v>
          </cell>
          <cell r="C312" t="str">
            <v>サンスイ設備工業</v>
          </cell>
          <cell r="D312" t="str">
            <v>清水 利通</v>
          </cell>
          <cell r="E312" t="str">
            <v>取消</v>
          </cell>
          <cell r="F312">
            <v>39897</v>
          </cell>
          <cell r="G312">
            <v>38077</v>
          </cell>
          <cell r="H312">
            <v>6730456</v>
          </cell>
          <cell r="I312" t="str">
            <v>三木市鳥町169-3</v>
          </cell>
          <cell r="J312" t="str">
            <v>0794-82-8526</v>
          </cell>
          <cell r="K312" t="str">
            <v>0794-82-5471</v>
          </cell>
          <cell r="L312" t="str">
            <v>Ｈ2604　更新手続きなし</v>
          </cell>
          <cell r="M312"/>
          <cell r="N312"/>
        </row>
        <row r="313">
          <cell r="B313">
            <v>276</v>
          </cell>
          <cell r="C313" t="str">
            <v>㈲成伸</v>
          </cell>
          <cell r="D313" t="str">
            <v>淺田敏一</v>
          </cell>
          <cell r="E313" t="str">
            <v>取消</v>
          </cell>
          <cell r="F313">
            <v>38077</v>
          </cell>
          <cell r="G313">
            <v>38077</v>
          </cell>
          <cell r="H313">
            <v>6752101</v>
          </cell>
          <cell r="I313" t="str">
            <v>加西市繁昌町1844-2</v>
          </cell>
          <cell r="J313"/>
          <cell r="K313"/>
          <cell r="L313" t="str">
            <v>Ｈ2103 更新手続きなし</v>
          </cell>
          <cell r="M313"/>
          <cell r="N313"/>
        </row>
        <row r="314">
          <cell r="B314">
            <v>277</v>
          </cell>
          <cell r="C314" t="str">
            <v>森本商店工務部</v>
          </cell>
          <cell r="D314" t="str">
            <v>森本 龍一</v>
          </cell>
          <cell r="E314" t="str">
            <v>取消</v>
          </cell>
          <cell r="F314">
            <v>41723</v>
          </cell>
          <cell r="G314">
            <v>38077</v>
          </cell>
          <cell r="H314">
            <v>6752223</v>
          </cell>
          <cell r="I314" t="str">
            <v>加西市三口町744</v>
          </cell>
          <cell r="J314" t="str">
            <v>0790-48-2019</v>
          </cell>
          <cell r="K314" t="str">
            <v>0790-48-3681</v>
          </cell>
          <cell r="L314" t="str">
            <v>H31.3　更新手続きなし</v>
          </cell>
          <cell r="M314"/>
          <cell r="N314"/>
        </row>
        <row r="315">
          <cell r="B315">
            <v>277</v>
          </cell>
          <cell r="C315"/>
          <cell r="D315"/>
          <cell r="E315"/>
          <cell r="F315"/>
          <cell r="G315"/>
          <cell r="H315"/>
          <cell r="I315"/>
          <cell r="J315"/>
          <cell r="K315"/>
          <cell r="L315"/>
          <cell r="M315"/>
          <cell r="N315"/>
        </row>
        <row r="316">
          <cell r="B316">
            <v>278</v>
          </cell>
          <cell r="C316" t="str">
            <v>旭設備株式会社</v>
          </cell>
          <cell r="D316" t="str">
            <v>藤本 泉</v>
          </cell>
          <cell r="E316">
            <v>45382</v>
          </cell>
          <cell r="F316">
            <v>43556</v>
          </cell>
          <cell r="G316">
            <v>38169</v>
          </cell>
          <cell r="H316">
            <v>6770053</v>
          </cell>
          <cell r="I316" t="str">
            <v>西脇市和布町190-29</v>
          </cell>
          <cell r="J316" t="str">
            <v>0795-22-2305</v>
          </cell>
          <cell r="K316" t="str">
            <v>0795-22-2437</v>
          </cell>
          <cell r="L316" t="str">
            <v>平成16年度より年４回登録</v>
          </cell>
          <cell r="M316"/>
          <cell r="N316"/>
        </row>
        <row r="317">
          <cell r="B317">
            <v>279</v>
          </cell>
          <cell r="C317" t="str">
            <v>有限会社ミナミ設備</v>
          </cell>
          <cell r="D317" t="str">
            <v>南 和義</v>
          </cell>
          <cell r="E317">
            <v>45382</v>
          </cell>
          <cell r="F317">
            <v>43556</v>
          </cell>
          <cell r="G317">
            <v>38169</v>
          </cell>
          <cell r="H317">
            <v>6712135</v>
          </cell>
          <cell r="I317" t="str">
            <v>姫路市夢前町塚本198-3</v>
          </cell>
          <cell r="J317" t="str">
            <v>079-337-2310</v>
          </cell>
          <cell r="K317" t="str">
            <v>079-337-2311</v>
          </cell>
          <cell r="L317"/>
          <cell r="M317"/>
          <cell r="N317"/>
        </row>
        <row r="318">
          <cell r="B318">
            <v>280</v>
          </cell>
          <cell r="C318" t="str">
            <v>ナカイデンキ</v>
          </cell>
          <cell r="D318" t="str">
            <v>中井 賢一</v>
          </cell>
          <cell r="E318" t="str">
            <v>取消</v>
          </cell>
          <cell r="F318">
            <v>39897</v>
          </cell>
          <cell r="G318">
            <v>38169</v>
          </cell>
          <cell r="H318">
            <v>6792203</v>
          </cell>
          <cell r="I318" t="str">
            <v>神崎郡福崎町南田原1426-1</v>
          </cell>
          <cell r="J318" t="str">
            <v>0790-22-5408</v>
          </cell>
          <cell r="K318" t="str">
            <v>0790-22-7060</v>
          </cell>
          <cell r="L318" t="str">
            <v>Ｈ2609　責任技術者不在</v>
          </cell>
          <cell r="M318"/>
          <cell r="N318"/>
        </row>
        <row r="319">
          <cell r="B319">
            <v>281</v>
          </cell>
          <cell r="C319" t="str">
            <v>㈱阿二商店</v>
          </cell>
          <cell r="D319" t="str">
            <v>阿二善彦</v>
          </cell>
          <cell r="E319" t="str">
            <v>取消</v>
          </cell>
          <cell r="F319">
            <v>38169</v>
          </cell>
          <cell r="G319">
            <v>38169</v>
          </cell>
          <cell r="H319">
            <v>6711111</v>
          </cell>
          <cell r="I319" t="str">
            <v>姫路市広畑区北河原町12</v>
          </cell>
          <cell r="J319"/>
          <cell r="K319"/>
          <cell r="L319" t="str">
            <v>Ｈ2103 更新手続きなし</v>
          </cell>
          <cell r="M319"/>
          <cell r="N319"/>
        </row>
        <row r="320">
          <cell r="B320">
            <v>282</v>
          </cell>
          <cell r="C320" t="str">
            <v>鎌谷商事</v>
          </cell>
          <cell r="D320" t="str">
            <v>鎌谷利郎</v>
          </cell>
          <cell r="E320" t="str">
            <v>取消</v>
          </cell>
          <cell r="F320">
            <v>38261</v>
          </cell>
          <cell r="G320">
            <v>38261</v>
          </cell>
          <cell r="H320">
            <v>6792163</v>
          </cell>
          <cell r="I320" t="str">
            <v>神崎郡香寺町土師993-1</v>
          </cell>
          <cell r="J320"/>
          <cell r="K320"/>
          <cell r="L320" t="str">
            <v>Ｈ2103 更新手続きなし</v>
          </cell>
          <cell r="M320"/>
          <cell r="N320"/>
        </row>
        <row r="321">
          <cell r="B321">
            <v>283</v>
          </cell>
          <cell r="C321" t="str">
            <v>㈱山田工務店</v>
          </cell>
          <cell r="D321" t="str">
            <v>山田義夫</v>
          </cell>
          <cell r="E321" t="str">
            <v>取消</v>
          </cell>
          <cell r="F321">
            <v>38261</v>
          </cell>
          <cell r="G321">
            <v>38261</v>
          </cell>
          <cell r="H321">
            <v>6752443</v>
          </cell>
          <cell r="I321" t="str">
            <v>加西市笹倉町330</v>
          </cell>
          <cell r="J321"/>
          <cell r="K321"/>
          <cell r="L321" t="str">
            <v>辞退</v>
          </cell>
          <cell r="M321" t="str">
            <v>H19.12.25辞退届</v>
          </cell>
          <cell r="N321"/>
        </row>
        <row r="322">
          <cell r="B322">
            <v>284</v>
          </cell>
          <cell r="C322" t="str">
            <v>有限会社 井上建築工業</v>
          </cell>
          <cell r="D322" t="str">
            <v>井上 和也</v>
          </cell>
          <cell r="E322">
            <v>45382</v>
          </cell>
          <cell r="F322">
            <v>43556</v>
          </cell>
          <cell r="G322">
            <v>38261</v>
          </cell>
          <cell r="H322">
            <v>6751311</v>
          </cell>
          <cell r="I322" t="str">
            <v>小野市万勝寺町557-28</v>
          </cell>
          <cell r="J322" t="str">
            <v>0794-67-2737</v>
          </cell>
          <cell r="K322" t="str">
            <v>0794-67-2738</v>
          </cell>
          <cell r="L322"/>
          <cell r="M322"/>
          <cell r="N322"/>
        </row>
        <row r="323">
          <cell r="B323">
            <v>285</v>
          </cell>
          <cell r="C323" t="str">
            <v>ツジモト水設</v>
          </cell>
          <cell r="D323" t="str">
            <v>辻本 良樹</v>
          </cell>
          <cell r="E323" t="str">
            <v>取消</v>
          </cell>
          <cell r="F323">
            <v>39897</v>
          </cell>
          <cell r="G323">
            <v>38261</v>
          </cell>
          <cell r="H323">
            <v>6750305</v>
          </cell>
          <cell r="I323" t="str">
            <v>加古川市志方町大宗282-2</v>
          </cell>
          <cell r="J323" t="str">
            <v>079-452-3677</v>
          </cell>
          <cell r="K323" t="str">
            <v>079-452-3677</v>
          </cell>
          <cell r="L323" t="str">
            <v>Ｈ2603　更新なし</v>
          </cell>
          <cell r="M323"/>
          <cell r="N323"/>
        </row>
        <row r="324">
          <cell r="B324">
            <v>286</v>
          </cell>
          <cell r="C324" t="str">
            <v>株式会社青山商会</v>
          </cell>
          <cell r="D324" t="str">
            <v>井内 宏</v>
          </cell>
          <cell r="E324">
            <v>45382</v>
          </cell>
          <cell r="F324">
            <v>43556</v>
          </cell>
          <cell r="G324">
            <v>38261</v>
          </cell>
          <cell r="H324">
            <v>6712222</v>
          </cell>
          <cell r="I324" t="str">
            <v>姫路市青山5丁目10番1号</v>
          </cell>
          <cell r="J324" t="str">
            <v>079-266-2157</v>
          </cell>
          <cell r="K324" t="str">
            <v>079-267-0293</v>
          </cell>
          <cell r="L324"/>
          <cell r="M324"/>
          <cell r="N324"/>
        </row>
        <row r="325">
          <cell r="B325">
            <v>287</v>
          </cell>
          <cell r="C325" t="str">
            <v>キタノ電機</v>
          </cell>
          <cell r="D325" t="str">
            <v>長谷川實</v>
          </cell>
          <cell r="E325" t="str">
            <v>取消</v>
          </cell>
          <cell r="F325">
            <v>38363</v>
          </cell>
          <cell r="G325">
            <v>38363</v>
          </cell>
          <cell r="H325"/>
          <cell r="I325" t="str">
            <v>加東市北野177-2</v>
          </cell>
          <cell r="J325"/>
          <cell r="K325"/>
          <cell r="L325" t="str">
            <v>Ｈ2103 更新手続きなし</v>
          </cell>
          <cell r="M325"/>
          <cell r="N325"/>
        </row>
        <row r="326">
          <cell r="B326">
            <v>288</v>
          </cell>
          <cell r="C326" t="str">
            <v>株式会社松沢産業</v>
          </cell>
          <cell r="D326" t="str">
            <v>松澤定男</v>
          </cell>
          <cell r="E326">
            <v>45747</v>
          </cell>
          <cell r="F326">
            <v>43922</v>
          </cell>
          <cell r="G326">
            <v>38443</v>
          </cell>
          <cell r="H326">
            <v>6751327</v>
          </cell>
          <cell r="I326" t="str">
            <v>小野市市場町133番地の4</v>
          </cell>
          <cell r="J326" t="str">
            <v>0794-62-2224</v>
          </cell>
          <cell r="K326" t="str">
            <v>0794-62-4628</v>
          </cell>
          <cell r="L326"/>
          <cell r="M326"/>
          <cell r="N326"/>
        </row>
        <row r="327">
          <cell r="B327">
            <v>289</v>
          </cell>
          <cell r="C327" t="str">
            <v>有限会社ウノ</v>
          </cell>
          <cell r="D327" t="str">
            <v>宇野功洋</v>
          </cell>
          <cell r="E327">
            <v>45747</v>
          </cell>
          <cell r="F327">
            <v>43922</v>
          </cell>
          <cell r="G327">
            <v>38443</v>
          </cell>
          <cell r="H327">
            <v>6731431</v>
          </cell>
          <cell r="I327" t="str">
            <v>加東市社245番地の2</v>
          </cell>
          <cell r="J327" t="str">
            <v>0795-42-1021</v>
          </cell>
          <cell r="K327" t="str">
            <v>0795-42-1052</v>
          </cell>
          <cell r="L327" t="str">
            <v>R2.03　更新遅れる→郵便が届かない（理由書あり）</v>
          </cell>
          <cell r="M327"/>
          <cell r="N327"/>
        </row>
        <row r="328">
          <cell r="B328">
            <v>290</v>
          </cell>
          <cell r="C328" t="str">
            <v>株式会社後藤工務店</v>
          </cell>
          <cell r="D328" t="str">
            <v>後藤共啓</v>
          </cell>
          <cell r="E328">
            <v>45747</v>
          </cell>
          <cell r="F328">
            <v>43922</v>
          </cell>
          <cell r="G328">
            <v>38443</v>
          </cell>
          <cell r="H328">
            <v>6752101</v>
          </cell>
          <cell r="I328" t="str">
            <v>加西市繁昌町2352番地</v>
          </cell>
          <cell r="J328" t="str">
            <v>0790-49-1484</v>
          </cell>
          <cell r="K328" t="str">
            <v>0790-49-2252</v>
          </cell>
          <cell r="L328"/>
          <cell r="M328"/>
          <cell r="N328"/>
        </row>
        <row r="329">
          <cell r="B329">
            <v>291</v>
          </cell>
          <cell r="C329" t="str">
            <v>夢ハウス</v>
          </cell>
          <cell r="D329" t="str">
            <v>原田正明</v>
          </cell>
          <cell r="E329">
            <v>45747</v>
          </cell>
          <cell r="F329">
            <v>43922</v>
          </cell>
          <cell r="G329">
            <v>38443</v>
          </cell>
          <cell r="H329">
            <v>6752445</v>
          </cell>
          <cell r="I329" t="str">
            <v>加西市殿原町592番地の2</v>
          </cell>
          <cell r="J329" t="str">
            <v>0790-44-1872</v>
          </cell>
          <cell r="K329" t="str">
            <v>0790-44-1341</v>
          </cell>
          <cell r="L329"/>
          <cell r="M329"/>
          <cell r="N329"/>
        </row>
        <row r="330">
          <cell r="B330">
            <v>292</v>
          </cell>
          <cell r="C330" t="str">
            <v>タジカリフォームサービス</v>
          </cell>
          <cell r="D330" t="str">
            <v>多鹿重雄</v>
          </cell>
          <cell r="E330" t="str">
            <v>取消</v>
          </cell>
          <cell r="F330">
            <v>40269</v>
          </cell>
          <cell r="G330">
            <v>38443</v>
          </cell>
          <cell r="H330">
            <v>6751371</v>
          </cell>
          <cell r="I330" t="str">
            <v>小野市黒川町927-2</v>
          </cell>
          <cell r="J330" t="str">
            <v>0794-63-8147</v>
          </cell>
          <cell r="K330" t="str">
            <v>0794-63-8385</v>
          </cell>
          <cell r="L330" t="str">
            <v>Ｈ2609 責任技術者不在
H2703　更新手続きなし</v>
          </cell>
          <cell r="M330"/>
          <cell r="N330"/>
        </row>
        <row r="331">
          <cell r="B331">
            <v>293</v>
          </cell>
          <cell r="C331" t="str">
            <v>松本工業㈱</v>
          </cell>
          <cell r="D331" t="str">
            <v>松本英錫</v>
          </cell>
          <cell r="E331" t="str">
            <v>取消</v>
          </cell>
          <cell r="F331">
            <v>38443</v>
          </cell>
          <cell r="G331">
            <v>38443</v>
          </cell>
          <cell r="H331">
            <v>6711102</v>
          </cell>
          <cell r="I331" t="str">
            <v>姫路市広畑区蒲田1017-8</v>
          </cell>
          <cell r="J331"/>
          <cell r="K331"/>
          <cell r="L331" t="str">
            <v>Ｈ2203 更新手続きなし</v>
          </cell>
          <cell r="M331"/>
          <cell r="N331"/>
        </row>
        <row r="332">
          <cell r="B332">
            <v>294</v>
          </cell>
          <cell r="C332" t="str">
            <v>井上工務店</v>
          </cell>
          <cell r="D332" t="str">
            <v>井上光和</v>
          </cell>
          <cell r="E332">
            <v>45747</v>
          </cell>
          <cell r="F332">
            <v>43922</v>
          </cell>
          <cell r="G332">
            <v>38443</v>
          </cell>
          <cell r="H332">
            <v>6752303</v>
          </cell>
          <cell r="I332" t="str">
            <v>加西市北条町古坂1172番地44</v>
          </cell>
          <cell r="J332" t="str">
            <v>0790-42-4783</v>
          </cell>
          <cell r="K332" t="str">
            <v>0790-42-4783</v>
          </cell>
          <cell r="L332"/>
          <cell r="M332"/>
          <cell r="N332"/>
        </row>
        <row r="333">
          <cell r="B333">
            <v>294</v>
          </cell>
          <cell r="C333"/>
          <cell r="D333"/>
          <cell r="E333"/>
          <cell r="F333"/>
          <cell r="G333"/>
          <cell r="H333"/>
          <cell r="I333"/>
          <cell r="J333"/>
          <cell r="K333"/>
          <cell r="L333"/>
          <cell r="M333"/>
          <cell r="N333"/>
        </row>
        <row r="334">
          <cell r="B334">
            <v>295</v>
          </cell>
          <cell r="C334" t="str">
            <v>マツオ設備</v>
          </cell>
          <cell r="D334" t="str">
            <v>松尾剛</v>
          </cell>
          <cell r="E334" t="str">
            <v>取消</v>
          </cell>
          <cell r="F334">
            <v>40269</v>
          </cell>
          <cell r="G334">
            <v>38534</v>
          </cell>
          <cell r="H334">
            <v>6751371</v>
          </cell>
          <cell r="I334" t="str">
            <v>小野市黒川町468-5</v>
          </cell>
          <cell r="J334" t="str">
            <v>0794-62-5454</v>
          </cell>
          <cell r="K334" t="str">
            <v>0794-62-2614</v>
          </cell>
          <cell r="L334" t="str">
            <v>H2703　更新手続きなし</v>
          </cell>
          <cell r="M334"/>
          <cell r="N334"/>
        </row>
        <row r="335">
          <cell r="B335">
            <v>296</v>
          </cell>
          <cell r="C335" t="str">
            <v>㈱ＭＤホームズ</v>
          </cell>
          <cell r="D335" t="str">
            <v>村田正人</v>
          </cell>
          <cell r="E335" t="str">
            <v>取消</v>
          </cell>
          <cell r="F335">
            <v>38626</v>
          </cell>
          <cell r="G335">
            <v>38626</v>
          </cell>
          <cell r="H335">
            <v>6752342</v>
          </cell>
          <cell r="I335" t="str">
            <v>加西市西長町1089-64</v>
          </cell>
          <cell r="J335"/>
          <cell r="K335"/>
          <cell r="L335" t="str">
            <v>H2109 責任技術者不在</v>
          </cell>
          <cell r="M335"/>
          <cell r="N335"/>
        </row>
        <row r="336">
          <cell r="B336">
            <v>297</v>
          </cell>
          <cell r="C336" t="str">
            <v>市場建設㈱</v>
          </cell>
          <cell r="D336" t="str">
            <v>市場照二</v>
          </cell>
          <cell r="E336" t="str">
            <v>取消</v>
          </cell>
          <cell r="F336">
            <v>38626</v>
          </cell>
          <cell r="G336">
            <v>38626</v>
          </cell>
          <cell r="H336">
            <v>6752102</v>
          </cell>
          <cell r="I336" t="str">
            <v>加西市中野町1067-1</v>
          </cell>
          <cell r="J336"/>
          <cell r="K336"/>
          <cell r="L336" t="str">
            <v>H2109 責任技術者不在</v>
          </cell>
          <cell r="M336"/>
          <cell r="N336"/>
        </row>
        <row r="337">
          <cell r="B337">
            <v>298</v>
          </cell>
          <cell r="C337" t="str">
            <v>三輪設備</v>
          </cell>
          <cell r="D337" t="str">
            <v>三輪俊夫</v>
          </cell>
          <cell r="E337">
            <v>45747</v>
          </cell>
          <cell r="F337">
            <v>43922</v>
          </cell>
          <cell r="G337">
            <v>38626</v>
          </cell>
          <cell r="H337">
            <v>6751362</v>
          </cell>
          <cell r="I337" t="str">
            <v>小野市久保木町218番地の2</v>
          </cell>
          <cell r="J337" t="str">
            <v>0794-62-4193</v>
          </cell>
          <cell r="K337" t="str">
            <v>0794-63-5854</v>
          </cell>
          <cell r="L337"/>
          <cell r="M337"/>
          <cell r="N337"/>
        </row>
        <row r="338">
          <cell r="B338">
            <v>299</v>
          </cell>
          <cell r="C338" t="str">
            <v>織田</v>
          </cell>
          <cell r="D338" t="str">
            <v>織田晃</v>
          </cell>
          <cell r="E338" t="str">
            <v>取消</v>
          </cell>
          <cell r="F338">
            <v>40269</v>
          </cell>
          <cell r="G338">
            <v>38723</v>
          </cell>
          <cell r="H338">
            <v>6752114</v>
          </cell>
          <cell r="I338" t="str">
            <v>加西市田原町266-4</v>
          </cell>
          <cell r="J338" t="str">
            <v>0790-49-1802</v>
          </cell>
          <cell r="K338" t="str">
            <v>0790-49-1802</v>
          </cell>
          <cell r="L338" t="str">
            <v>Ｈ2609　責任技術者不在</v>
          </cell>
          <cell r="M338"/>
          <cell r="N338"/>
        </row>
        <row r="339">
          <cell r="B339">
            <v>300</v>
          </cell>
          <cell r="C339" t="str">
            <v>岸本木材株式会社</v>
          </cell>
          <cell r="D339" t="str">
            <v>岸本隆明</v>
          </cell>
          <cell r="E339" t="str">
            <v>取消</v>
          </cell>
          <cell r="F339">
            <v>40269</v>
          </cell>
          <cell r="G339">
            <v>38723</v>
          </cell>
          <cell r="H339">
            <v>6711242</v>
          </cell>
          <cell r="I339" t="str">
            <v>姫路市網干区浜田1567番地の3</v>
          </cell>
          <cell r="J339" t="str">
            <v>079-273-3632</v>
          </cell>
          <cell r="K339" t="str">
            <v>079-273-3634</v>
          </cell>
          <cell r="L339" t="str">
            <v>H2510辞退</v>
          </cell>
          <cell r="M339"/>
          <cell r="N339"/>
        </row>
        <row r="340">
          <cell r="B340">
            <v>301</v>
          </cell>
          <cell r="C340" t="str">
            <v>株式会社トモサダ</v>
          </cell>
          <cell r="D340" t="str">
            <v>友定種一</v>
          </cell>
          <cell r="E340" t="str">
            <v>取消</v>
          </cell>
          <cell r="F340">
            <v>40269</v>
          </cell>
          <cell r="G340">
            <v>38723</v>
          </cell>
          <cell r="H340">
            <v>6751300</v>
          </cell>
          <cell r="I340" t="str">
            <v>小野市新明町213番地の8</v>
          </cell>
          <cell r="J340" t="str">
            <v>0794-62-2436</v>
          </cell>
          <cell r="K340" t="str">
            <v>0794-63-3852</v>
          </cell>
          <cell r="L340" t="str">
            <v>H2703　更新手続きなし</v>
          </cell>
          <cell r="M340"/>
          <cell r="N340"/>
        </row>
        <row r="341">
          <cell r="B341">
            <v>302</v>
          </cell>
          <cell r="C341" t="str">
            <v>迎山住設</v>
          </cell>
          <cell r="D341" t="str">
            <v>迎山弘利</v>
          </cell>
          <cell r="E341" t="str">
            <v>取消</v>
          </cell>
          <cell r="F341"/>
          <cell r="G341">
            <v>38808</v>
          </cell>
          <cell r="H341">
            <v>6770014</v>
          </cell>
          <cell r="I341" t="str">
            <v>西脇市郷瀬町33</v>
          </cell>
          <cell r="J341"/>
          <cell r="K341"/>
          <cell r="L341" t="str">
            <v>H2303 更新手続きなし</v>
          </cell>
          <cell r="M341"/>
          <cell r="N341"/>
        </row>
        <row r="342">
          <cell r="B342">
            <v>303</v>
          </cell>
          <cell r="C342" t="str">
            <v>㈲竹谷工業</v>
          </cell>
          <cell r="D342" t="str">
            <v>竹谷武二</v>
          </cell>
          <cell r="E342" t="str">
            <v>取消</v>
          </cell>
          <cell r="F342"/>
          <cell r="G342">
            <v>38808</v>
          </cell>
          <cell r="H342">
            <v>6770031</v>
          </cell>
          <cell r="I342" t="str">
            <v>西脇市住吉町945</v>
          </cell>
          <cell r="J342"/>
          <cell r="K342"/>
          <cell r="L342" t="str">
            <v>H2303 更新手続きなし</v>
          </cell>
          <cell r="M342"/>
          <cell r="N342"/>
        </row>
        <row r="343">
          <cell r="B343">
            <v>304</v>
          </cell>
          <cell r="C343" t="str">
            <v>藤原住宅サービス</v>
          </cell>
          <cell r="D343" t="str">
            <v>藤原竹男</v>
          </cell>
          <cell r="E343" t="str">
            <v>取消</v>
          </cell>
          <cell r="F343">
            <v>38808</v>
          </cell>
          <cell r="G343">
            <v>38808</v>
          </cell>
          <cell r="H343">
            <v>6692132</v>
          </cell>
          <cell r="I343" t="str">
            <v>篠山市今田町上小野原34-5</v>
          </cell>
          <cell r="J343"/>
          <cell r="K343"/>
          <cell r="L343" t="str">
            <v>H2210 責任技術者不在</v>
          </cell>
          <cell r="M343"/>
          <cell r="N343"/>
        </row>
        <row r="344">
          <cell r="B344">
            <v>305</v>
          </cell>
          <cell r="C344" t="str">
            <v>黒崎水道建設㈱</v>
          </cell>
          <cell r="D344" t="str">
            <v>黒崎重子</v>
          </cell>
          <cell r="E344" t="str">
            <v>取消</v>
          </cell>
          <cell r="F344">
            <v>38808</v>
          </cell>
          <cell r="G344">
            <v>38808</v>
          </cell>
          <cell r="H344">
            <v>6750038</v>
          </cell>
          <cell r="I344" t="str">
            <v>加古川市加古川町木村118-3</v>
          </cell>
          <cell r="J344"/>
          <cell r="K344"/>
          <cell r="L344" t="str">
            <v>H2109 責任技術者不在</v>
          </cell>
          <cell r="M344"/>
          <cell r="N344"/>
        </row>
        <row r="345">
          <cell r="B345">
            <v>306</v>
          </cell>
          <cell r="C345" t="str">
            <v>有限会社原田工業</v>
          </cell>
          <cell r="D345" t="str">
            <v>原田 則久</v>
          </cell>
          <cell r="E345" t="str">
            <v>取消</v>
          </cell>
          <cell r="F345">
            <v>40630</v>
          </cell>
          <cell r="G345">
            <v>38808</v>
          </cell>
          <cell r="H345">
            <v>6752403</v>
          </cell>
          <cell r="I345" t="str">
            <v>加西市小印南町218番地の3</v>
          </cell>
          <cell r="J345" t="str">
            <v>0790-45-1126</v>
          </cell>
          <cell r="K345" t="str">
            <v>0790-45-1822</v>
          </cell>
          <cell r="L345" t="str">
            <v>H2803 更新手続きなし</v>
          </cell>
          <cell r="M345"/>
          <cell r="N345"/>
        </row>
        <row r="346">
          <cell r="B346">
            <v>307</v>
          </cell>
          <cell r="C346" t="str">
            <v>コバヤシ設備</v>
          </cell>
          <cell r="D346" t="str">
            <v>小林勉</v>
          </cell>
          <cell r="E346" t="str">
            <v>取消</v>
          </cell>
          <cell r="F346"/>
          <cell r="G346">
            <v>38899</v>
          </cell>
          <cell r="H346">
            <v>6751357</v>
          </cell>
          <cell r="I346" t="str">
            <v>小野市三和町1101-1</v>
          </cell>
          <cell r="J346"/>
          <cell r="K346"/>
          <cell r="L346" t="str">
            <v>H2303 更新手続きなし</v>
          </cell>
          <cell r="M346"/>
          <cell r="N346"/>
        </row>
        <row r="347">
          <cell r="B347">
            <v>308</v>
          </cell>
          <cell r="C347" t="str">
            <v>金山水道土木</v>
          </cell>
          <cell r="D347" t="str">
            <v>金山光鎬</v>
          </cell>
          <cell r="E347" t="str">
            <v>取消</v>
          </cell>
          <cell r="F347">
            <v>38899</v>
          </cell>
          <cell r="G347">
            <v>38899</v>
          </cell>
          <cell r="H347">
            <v>6711102</v>
          </cell>
          <cell r="I347" t="str">
            <v>姫路市広畑区蒲田１丁目61</v>
          </cell>
          <cell r="J347"/>
          <cell r="K347"/>
          <cell r="L347" t="str">
            <v>H2201 責任技術者不在</v>
          </cell>
          <cell r="M347"/>
          <cell r="N347"/>
        </row>
        <row r="348">
          <cell r="B348">
            <v>309</v>
          </cell>
          <cell r="C348" t="str">
            <v>㈱ｺｰﾎﾟﾚｰｼｮﾝﾅｶﾞﾔﾏ</v>
          </cell>
          <cell r="D348" t="str">
            <v>長山享</v>
          </cell>
          <cell r="E348" t="str">
            <v>取消</v>
          </cell>
          <cell r="F348">
            <v>38992</v>
          </cell>
          <cell r="G348">
            <v>38992</v>
          </cell>
          <cell r="H348">
            <v>6751112</v>
          </cell>
          <cell r="I348" t="str">
            <v>加古郡稲美町六分一1354-3</v>
          </cell>
          <cell r="J348"/>
          <cell r="K348"/>
          <cell r="L348" t="str">
            <v>H20.1.21取消し</v>
          </cell>
          <cell r="M348"/>
          <cell r="N348"/>
        </row>
        <row r="349">
          <cell r="B349">
            <v>310</v>
          </cell>
          <cell r="C349" t="str">
            <v>土井建設株式会社</v>
          </cell>
          <cell r="D349" t="str">
            <v>壁　　貴義</v>
          </cell>
          <cell r="E349">
            <v>44286</v>
          </cell>
          <cell r="F349">
            <v>42461</v>
          </cell>
          <cell r="G349">
            <v>39174</v>
          </cell>
          <cell r="H349">
            <v>6760825</v>
          </cell>
          <cell r="I349" t="str">
            <v>高砂市阿弥陀町北池27番地1</v>
          </cell>
          <cell r="J349" t="str">
            <v>079-446-8787</v>
          </cell>
          <cell r="K349" t="str">
            <v>079-446-8788</v>
          </cell>
          <cell r="L349"/>
          <cell r="M349"/>
          <cell r="N349"/>
        </row>
        <row r="350">
          <cell r="B350"/>
          <cell r="C350"/>
          <cell r="D350"/>
          <cell r="E350"/>
          <cell r="F350"/>
          <cell r="G350"/>
          <cell r="H350"/>
          <cell r="I350"/>
          <cell r="J350"/>
          <cell r="K350"/>
          <cell r="L350"/>
          <cell r="M350"/>
          <cell r="N350"/>
        </row>
        <row r="351">
          <cell r="B351">
            <v>311</v>
          </cell>
          <cell r="C351" t="str">
            <v>小林設備株式会社</v>
          </cell>
          <cell r="D351" t="str">
            <v>小林 宏</v>
          </cell>
          <cell r="E351">
            <v>44651</v>
          </cell>
          <cell r="F351">
            <v>42826</v>
          </cell>
          <cell r="G351">
            <v>39174</v>
          </cell>
          <cell r="H351">
            <v>6750058</v>
          </cell>
          <cell r="I351" t="str">
            <v>加古川市東神吉町天下原36番地の1</v>
          </cell>
          <cell r="J351" t="str">
            <v>079-432-3295</v>
          </cell>
          <cell r="K351" t="str">
            <v>0794-31-5358</v>
          </cell>
          <cell r="L351"/>
          <cell r="M351"/>
          <cell r="N351"/>
        </row>
        <row r="352">
          <cell r="B352">
            <v>312</v>
          </cell>
          <cell r="C352" t="str">
            <v>株式会社SIC</v>
          </cell>
          <cell r="D352" t="str">
            <v>芝本 忠雄</v>
          </cell>
          <cell r="E352">
            <v>44651</v>
          </cell>
          <cell r="F352">
            <v>42826</v>
          </cell>
          <cell r="G352">
            <v>39174</v>
          </cell>
          <cell r="H352">
            <v>6750032</v>
          </cell>
          <cell r="I352" t="str">
            <v>加古川市加古川町備後335番地</v>
          </cell>
          <cell r="J352" t="str">
            <v>079-423-0358</v>
          </cell>
          <cell r="K352" t="str">
            <v>079-422-0771</v>
          </cell>
          <cell r="L352"/>
          <cell r="M352"/>
          <cell r="N352"/>
        </row>
        <row r="353">
          <cell r="B353"/>
          <cell r="C353"/>
          <cell r="D353"/>
          <cell r="E353"/>
          <cell r="F353"/>
          <cell r="G353"/>
          <cell r="H353"/>
          <cell r="I353"/>
          <cell r="J353"/>
          <cell r="K353"/>
          <cell r="L353"/>
          <cell r="M353"/>
          <cell r="N353"/>
        </row>
        <row r="354">
          <cell r="B354">
            <v>313</v>
          </cell>
          <cell r="C354" t="str">
            <v>新栄設備工業有限会社</v>
          </cell>
          <cell r="D354" t="str">
            <v>中山 隆義</v>
          </cell>
          <cell r="E354" t="str">
            <v>取消</v>
          </cell>
          <cell r="F354">
            <v>40997</v>
          </cell>
          <cell r="G354">
            <v>39174</v>
          </cell>
          <cell r="H354">
            <v>6710251</v>
          </cell>
          <cell r="I354" t="str">
            <v>姫路市花田町上原田52番地の10</v>
          </cell>
          <cell r="J354" t="str">
            <v>079-253-4767</v>
          </cell>
          <cell r="K354" t="str">
            <v>079-253-4788</v>
          </cell>
          <cell r="L354" t="str">
            <v>Ｈ2609　責任技術者不在</v>
          </cell>
          <cell r="M354"/>
          <cell r="N354"/>
        </row>
        <row r="355">
          <cell r="B355">
            <v>314</v>
          </cell>
          <cell r="C355" t="str">
            <v>采女設備</v>
          </cell>
          <cell r="D355" t="str">
            <v>釆女清</v>
          </cell>
          <cell r="E355" t="str">
            <v>取消</v>
          </cell>
          <cell r="F355">
            <v>39265</v>
          </cell>
          <cell r="G355">
            <v>39265</v>
          </cell>
          <cell r="H355"/>
          <cell r="I355" t="str">
            <v>丹波市氷上町長野129</v>
          </cell>
          <cell r="J355"/>
          <cell r="K355"/>
          <cell r="L355" t="str">
            <v>H2109 責任技術者不在</v>
          </cell>
          <cell r="M355"/>
          <cell r="N355"/>
        </row>
        <row r="356">
          <cell r="B356">
            <v>315</v>
          </cell>
          <cell r="C356" t="str">
            <v>株式会社アイエム工業</v>
          </cell>
          <cell r="D356" t="str">
            <v>岩本 浩貴</v>
          </cell>
          <cell r="E356">
            <v>44651</v>
          </cell>
          <cell r="F356">
            <v>42826</v>
          </cell>
          <cell r="G356">
            <v>39265</v>
          </cell>
          <cell r="H356">
            <v>6750022</v>
          </cell>
          <cell r="I356" t="str">
            <v>加古川市尾上町口里606番地</v>
          </cell>
          <cell r="J356" t="str">
            <v>079-456-4605</v>
          </cell>
          <cell r="K356" t="str">
            <v>079-456-4606</v>
          </cell>
          <cell r="L356"/>
          <cell r="M356"/>
          <cell r="N356"/>
        </row>
        <row r="357">
          <cell r="B357">
            <v>316</v>
          </cell>
          <cell r="C357" t="str">
            <v>株式会社マルキョー</v>
          </cell>
          <cell r="D357" t="str">
            <v>多鹿 恭弘</v>
          </cell>
          <cell r="E357">
            <v>44651</v>
          </cell>
          <cell r="F357">
            <v>42826</v>
          </cell>
          <cell r="G357">
            <v>39265</v>
          </cell>
          <cell r="H357">
            <v>6751311</v>
          </cell>
          <cell r="I357" t="str">
            <v>小野市万勝寺町768番地の11</v>
          </cell>
          <cell r="J357" t="str">
            <v>0794-64-5877</v>
          </cell>
          <cell r="K357" t="str">
            <v>0794-64-5878</v>
          </cell>
          <cell r="L357"/>
          <cell r="M357"/>
          <cell r="N357"/>
        </row>
        <row r="358">
          <cell r="B358">
            <v>317</v>
          </cell>
          <cell r="C358" t="str">
            <v>フジイ設備工業</v>
          </cell>
          <cell r="D358" t="str">
            <v>藤井正治</v>
          </cell>
          <cell r="E358" t="str">
            <v>取消</v>
          </cell>
          <cell r="F358">
            <v>39265</v>
          </cell>
          <cell r="G358">
            <v>39265</v>
          </cell>
          <cell r="H358">
            <v>6790221</v>
          </cell>
          <cell r="I358" t="str">
            <v>加東市河高2474-3</v>
          </cell>
          <cell r="J358"/>
          <cell r="K358"/>
          <cell r="L358" t="str">
            <v>H2403 更新手続きなし</v>
          </cell>
          <cell r="M358"/>
          <cell r="N358"/>
        </row>
        <row r="359">
          <cell r="B359">
            <v>318</v>
          </cell>
          <cell r="C359" t="str">
            <v>藤野設備工業</v>
          </cell>
          <cell r="D359" t="str">
            <v>藤野泰典</v>
          </cell>
          <cell r="E359" t="str">
            <v>取消</v>
          </cell>
          <cell r="F359">
            <v>39357</v>
          </cell>
          <cell r="G359">
            <v>39357</v>
          </cell>
          <cell r="H359">
            <v>6728025</v>
          </cell>
          <cell r="I359" t="str">
            <v>姫路市飾磨区堀川町80</v>
          </cell>
          <cell r="J359"/>
          <cell r="K359"/>
          <cell r="L359" t="str">
            <v>H2403 更新手続きなし</v>
          </cell>
          <cell r="M359"/>
          <cell r="N359"/>
        </row>
        <row r="360">
          <cell r="B360">
            <v>319</v>
          </cell>
          <cell r="C360" t="str">
            <v>東播建築工藝株式会社</v>
          </cell>
          <cell r="D360" t="str">
            <v>谷川美湖</v>
          </cell>
          <cell r="E360">
            <v>44651</v>
          </cell>
          <cell r="F360">
            <v>42826</v>
          </cell>
          <cell r="G360">
            <v>39454</v>
          </cell>
          <cell r="H360">
            <v>6750017</v>
          </cell>
          <cell r="I360" t="str">
            <v>加古川市野口町良野1524番地</v>
          </cell>
          <cell r="J360" t="str">
            <v>079-427-0590</v>
          </cell>
          <cell r="K360" t="str">
            <v>079-427-0597</v>
          </cell>
          <cell r="L360"/>
          <cell r="M360"/>
          <cell r="N360"/>
        </row>
        <row r="361">
          <cell r="B361">
            <v>320</v>
          </cell>
          <cell r="C361" t="str">
            <v>株式会社上野設備</v>
          </cell>
          <cell r="D361" t="str">
            <v>上野敦志</v>
          </cell>
          <cell r="E361">
            <v>45016</v>
          </cell>
          <cell r="F361">
            <v>43191</v>
          </cell>
          <cell r="G361">
            <v>39539</v>
          </cell>
          <cell r="H361">
            <v>6750025</v>
          </cell>
          <cell r="I361" t="str">
            <v>加古川市尾上町養田209番地の7</v>
          </cell>
          <cell r="J361" t="str">
            <v>0794-25-6644</v>
          </cell>
          <cell r="K361" t="str">
            <v>079-440-6757</v>
          </cell>
          <cell r="L361"/>
          <cell r="M361"/>
          <cell r="N361"/>
        </row>
        <row r="362">
          <cell r="B362">
            <v>321</v>
          </cell>
          <cell r="C362" t="str">
            <v>ウォーターワークスイヌイ</v>
          </cell>
          <cell r="D362" t="str">
            <v>乾正則</v>
          </cell>
          <cell r="E362" t="str">
            <v>取消</v>
          </cell>
          <cell r="F362">
            <v>41365</v>
          </cell>
          <cell r="G362">
            <v>39600</v>
          </cell>
          <cell r="H362">
            <v>6750117</v>
          </cell>
          <cell r="I362" t="str">
            <v>加古川市平岡町一色西1丁目35番地</v>
          </cell>
          <cell r="J362" t="str">
            <v>079-430-2882</v>
          </cell>
          <cell r="K362" t="str">
            <v>079-430-2920</v>
          </cell>
          <cell r="L362" t="str">
            <v>H2903 更新手続きなし</v>
          </cell>
          <cell r="M362"/>
          <cell r="N362"/>
        </row>
        <row r="363">
          <cell r="B363">
            <v>322</v>
          </cell>
          <cell r="C363" t="str">
            <v>平松設備工業</v>
          </cell>
          <cell r="D363" t="str">
            <v>平松 雅之</v>
          </cell>
          <cell r="E363" t="str">
            <v>取消</v>
          </cell>
          <cell r="F363">
            <v>41365</v>
          </cell>
          <cell r="G363">
            <v>39819</v>
          </cell>
          <cell r="H363">
            <v>6731431</v>
          </cell>
          <cell r="I363" t="str">
            <v>加東市社492-6</v>
          </cell>
          <cell r="J363" t="str">
            <v>0795-42-3007</v>
          </cell>
          <cell r="K363" t="str">
            <v>0795-42-9175</v>
          </cell>
          <cell r="L363" t="str">
            <v>Ｈ2609　責任技術者不在</v>
          </cell>
          <cell r="M363"/>
          <cell r="N363"/>
        </row>
        <row r="364">
          <cell r="B364">
            <v>323</v>
          </cell>
          <cell r="C364" t="str">
            <v>鎌谷水工</v>
          </cell>
          <cell r="D364" t="str">
            <v>鎌谷 敏弘</v>
          </cell>
          <cell r="E364" t="str">
            <v>取消</v>
          </cell>
          <cell r="F364">
            <v>39819</v>
          </cell>
          <cell r="G364">
            <v>39819</v>
          </cell>
          <cell r="H364">
            <v>6792163</v>
          </cell>
          <cell r="I364" t="str">
            <v>姫路市香寺町土師983</v>
          </cell>
          <cell r="J364" t="str">
            <v>079-232-3304</v>
          </cell>
          <cell r="K364" t="str">
            <v>079-232-5084</v>
          </cell>
          <cell r="L364" t="str">
            <v>H2503 更新手続きなし</v>
          </cell>
          <cell r="M364"/>
          <cell r="N364"/>
        </row>
        <row r="365">
          <cell r="B365">
            <v>324</v>
          </cell>
          <cell r="C365" t="str">
            <v>株式会社明和設備工業所</v>
          </cell>
          <cell r="D365" t="str">
            <v>井戸 一</v>
          </cell>
          <cell r="E365">
            <v>45016</v>
          </cell>
          <cell r="F365">
            <v>43191</v>
          </cell>
          <cell r="G365">
            <v>39819</v>
          </cell>
          <cell r="H365">
            <v>6750018</v>
          </cell>
          <cell r="I365" t="str">
            <v>加古川市野口町坂元87番地</v>
          </cell>
          <cell r="J365" t="str">
            <v>079-490-3759</v>
          </cell>
          <cell r="K365" t="str">
            <v>079-490-3754</v>
          </cell>
          <cell r="L365"/>
          <cell r="M365"/>
          <cell r="N365"/>
        </row>
        <row r="366">
          <cell r="B366">
            <v>325</v>
          </cell>
          <cell r="C366" t="str">
            <v>イケダ電工株式会社</v>
          </cell>
          <cell r="D366" t="str">
            <v>池田 進</v>
          </cell>
          <cell r="E366">
            <v>45382</v>
          </cell>
          <cell r="F366">
            <v>43556</v>
          </cell>
          <cell r="G366">
            <v>39906</v>
          </cell>
          <cell r="H366">
            <v>6752344</v>
          </cell>
          <cell r="I366" t="str">
            <v>加西市北条町古坂163-1</v>
          </cell>
          <cell r="J366" t="str">
            <v>0790-42-1518</v>
          </cell>
          <cell r="K366" t="str">
            <v>0790-27-8115</v>
          </cell>
          <cell r="L366"/>
          <cell r="M366"/>
          <cell r="N366"/>
        </row>
        <row r="367">
          <cell r="B367">
            <v>326</v>
          </cell>
          <cell r="C367" t="str">
            <v>株式会社共進社工業所</v>
          </cell>
          <cell r="D367" t="str">
            <v>山内 曻平</v>
          </cell>
          <cell r="E367" t="str">
            <v>取消</v>
          </cell>
          <cell r="F367">
            <v>39995</v>
          </cell>
          <cell r="G367">
            <v>39995</v>
          </cell>
          <cell r="H367">
            <v>6660011</v>
          </cell>
          <cell r="I367" t="str">
            <v>川西市出在家町9番13号</v>
          </cell>
          <cell r="J367" t="str">
            <v>0727-55-8728</v>
          </cell>
          <cell r="K367" t="str">
            <v>0727-55-8729</v>
          </cell>
          <cell r="L367" t="str">
            <v>Ｈ2709　責任技術者不在</v>
          </cell>
          <cell r="M367"/>
          <cell r="N367"/>
        </row>
        <row r="368">
          <cell r="B368">
            <v>327</v>
          </cell>
          <cell r="C368" t="str">
            <v>上野設備工業株式会社</v>
          </cell>
          <cell r="D368" t="str">
            <v>上野 幸弘</v>
          </cell>
          <cell r="E368" t="str">
            <v>取消</v>
          </cell>
          <cell r="F368">
            <v>42095</v>
          </cell>
          <cell r="G368">
            <v>40273</v>
          </cell>
          <cell r="H368">
            <v>6711524</v>
          </cell>
          <cell r="I368" t="str">
            <v>揖保郡太子町東保495番地の8</v>
          </cell>
          <cell r="J368" t="str">
            <v>079-276-2446</v>
          </cell>
          <cell r="K368" t="str">
            <v>079-276-2564</v>
          </cell>
          <cell r="L368"/>
          <cell r="M368"/>
          <cell r="N368"/>
        </row>
        <row r="369">
          <cell r="B369"/>
          <cell r="C369"/>
          <cell r="D369"/>
          <cell r="E369" t="str">
            <v>取消</v>
          </cell>
          <cell r="F369"/>
          <cell r="G369"/>
          <cell r="H369"/>
          <cell r="I369"/>
          <cell r="J369"/>
          <cell r="K369"/>
          <cell r="L369"/>
          <cell r="M369"/>
          <cell r="N369"/>
        </row>
        <row r="370">
          <cell r="B370">
            <v>328</v>
          </cell>
          <cell r="C370" t="str">
            <v>有限会社ＹＭ設備</v>
          </cell>
          <cell r="D370" t="str">
            <v>向谷 悦和</v>
          </cell>
          <cell r="E370" t="str">
            <v>取消</v>
          </cell>
          <cell r="F370">
            <v>40273</v>
          </cell>
          <cell r="G370">
            <v>40273</v>
          </cell>
          <cell r="H370">
            <v>6512129</v>
          </cell>
          <cell r="I370" t="str">
            <v>神戸市西区白水二丁目10番11号</v>
          </cell>
          <cell r="J370" t="str">
            <v>078-978-1236</v>
          </cell>
          <cell r="K370" t="str">
            <v>078-978-1237</v>
          </cell>
          <cell r="L370" t="str">
            <v>Ｈ2609　責任技術者不在
H2703　 更新手続きなし</v>
          </cell>
          <cell r="M370"/>
          <cell r="N370"/>
        </row>
        <row r="371">
          <cell r="B371">
            <v>329</v>
          </cell>
          <cell r="C371" t="str">
            <v>池水工業株式会社</v>
          </cell>
          <cell r="D371" t="str">
            <v>井戸 裕之</v>
          </cell>
          <cell r="E371">
            <v>45747</v>
          </cell>
          <cell r="F371">
            <v>43922</v>
          </cell>
          <cell r="G371">
            <v>40549</v>
          </cell>
          <cell r="H371">
            <v>6530831</v>
          </cell>
          <cell r="I371" t="str">
            <v>神戸市長田区蓮宮通三丁目1番地の3</v>
          </cell>
          <cell r="J371" t="str">
            <v>078-611-1522</v>
          </cell>
          <cell r="K371" t="str">
            <v>078-611-1652</v>
          </cell>
          <cell r="L371"/>
          <cell r="M371"/>
          <cell r="N371"/>
        </row>
        <row r="372">
          <cell r="B372">
            <v>330</v>
          </cell>
          <cell r="C372" t="str">
            <v>藤城住設株式会社</v>
          </cell>
          <cell r="D372" t="str">
            <v>藤城 博明</v>
          </cell>
          <cell r="E372">
            <v>44286</v>
          </cell>
          <cell r="F372">
            <v>42461</v>
          </cell>
          <cell r="G372">
            <v>40634</v>
          </cell>
          <cell r="H372">
            <v>6752104</v>
          </cell>
          <cell r="I372" t="str">
            <v>加西市上宮木町115･116番地の3</v>
          </cell>
          <cell r="J372" t="str">
            <v>0790-49-0610</v>
          </cell>
          <cell r="K372" t="str">
            <v>0790-49-0610</v>
          </cell>
          <cell r="L372"/>
          <cell r="M372"/>
          <cell r="N372"/>
        </row>
        <row r="373">
          <cell r="B373">
            <v>331</v>
          </cell>
          <cell r="C373" t="str">
            <v>ヤマサ設備工業株式会社</v>
          </cell>
          <cell r="D373" t="str">
            <v>福尾 比呂志</v>
          </cell>
          <cell r="E373">
            <v>44286</v>
          </cell>
          <cell r="F373">
            <v>42461</v>
          </cell>
          <cell r="G373">
            <v>40725</v>
          </cell>
          <cell r="H373">
            <v>6711227</v>
          </cell>
          <cell r="I373" t="str">
            <v>姫路市網干区和久387番地の5</v>
          </cell>
          <cell r="J373" t="str">
            <v>079-273-5011</v>
          </cell>
          <cell r="K373" t="str">
            <v>079-273-5012</v>
          </cell>
          <cell r="L373"/>
          <cell r="M373"/>
          <cell r="N373"/>
        </row>
        <row r="374">
          <cell r="B374">
            <v>332</v>
          </cell>
          <cell r="C374" t="str">
            <v>有限会社信和開発</v>
          </cell>
          <cell r="D374" t="str">
            <v>三木 清</v>
          </cell>
          <cell r="E374">
            <v>44651</v>
          </cell>
          <cell r="F374">
            <v>42826</v>
          </cell>
          <cell r="G374">
            <v>41002</v>
          </cell>
          <cell r="H374">
            <v>6700985</v>
          </cell>
          <cell r="I374" t="str">
            <v>姫路市玉手620番地1</v>
          </cell>
          <cell r="J374" t="str">
            <v>079-295-9987</v>
          </cell>
          <cell r="K374" t="str">
            <v>079-295-9984</v>
          </cell>
          <cell r="L374"/>
          <cell r="M374"/>
          <cell r="N374"/>
        </row>
        <row r="375">
          <cell r="B375">
            <v>333</v>
          </cell>
          <cell r="C375" t="str">
            <v>筒井設備</v>
          </cell>
          <cell r="D375" t="str">
            <v>筒井 博幸</v>
          </cell>
          <cell r="E375">
            <v>44651</v>
          </cell>
          <cell r="F375">
            <v>42826</v>
          </cell>
          <cell r="G375">
            <v>41092</v>
          </cell>
          <cell r="H375">
            <v>6770055</v>
          </cell>
          <cell r="I375" t="str">
            <v>西脇市高松町136番地の2</v>
          </cell>
          <cell r="J375" t="str">
            <v>0795-22-0861</v>
          </cell>
          <cell r="K375" t="str">
            <v>0795-22-0861</v>
          </cell>
          <cell r="L375"/>
          <cell r="M375"/>
          <cell r="N375"/>
        </row>
        <row r="376">
          <cell r="B376">
            <v>334</v>
          </cell>
          <cell r="C376" t="str">
            <v>小谷設備工業株式会社</v>
          </cell>
          <cell r="D376" t="str">
            <v>小谷 伸一</v>
          </cell>
          <cell r="E376">
            <v>44651</v>
          </cell>
          <cell r="F376">
            <v>42826</v>
          </cell>
          <cell r="G376">
            <v>41183</v>
          </cell>
          <cell r="H376">
            <v>6511113</v>
          </cell>
          <cell r="I376" t="str">
            <v>神戸市北区鈴蘭台南町七丁目13番1号</v>
          </cell>
          <cell r="J376" t="str">
            <v>078-591-1715</v>
          </cell>
          <cell r="K376" t="str">
            <v>078-591-8787</v>
          </cell>
          <cell r="L376"/>
          <cell r="M376"/>
          <cell r="N376"/>
        </row>
        <row r="377">
          <cell r="B377">
            <v>334</v>
          </cell>
          <cell r="C377"/>
          <cell r="D377" t="str">
            <v>小谷 伸一</v>
          </cell>
          <cell r="E377">
            <v>42825</v>
          </cell>
          <cell r="F377">
            <v>41183</v>
          </cell>
          <cell r="G377"/>
          <cell r="H377">
            <v>6511113</v>
          </cell>
          <cell r="I377" t="str">
            <v>神戸市北区鈴蘭台南町七丁目13番1号</v>
          </cell>
          <cell r="J377" t="str">
            <v>078-591-1715</v>
          </cell>
          <cell r="K377" t="str">
            <v>078-591-8787</v>
          </cell>
          <cell r="L377"/>
          <cell r="M377"/>
          <cell r="N377"/>
        </row>
        <row r="378">
          <cell r="B378">
            <v>335</v>
          </cell>
          <cell r="C378" t="str">
            <v>村上設備工業株式会社</v>
          </cell>
          <cell r="D378" t="str">
            <v>村上 惠子</v>
          </cell>
          <cell r="E378" t="str">
            <v>取消</v>
          </cell>
          <cell r="F378">
            <v>41281</v>
          </cell>
          <cell r="G378">
            <v>41281</v>
          </cell>
          <cell r="H378">
            <v>6750101</v>
          </cell>
          <cell r="I378" t="str">
            <v>加古川市平岡町新在家1906番地</v>
          </cell>
          <cell r="J378" t="str">
            <v>079-424-6655</v>
          </cell>
          <cell r="K378" t="str">
            <v>079-424-6222</v>
          </cell>
          <cell r="L378" t="str">
            <v>H2903 更新手続きなし</v>
          </cell>
          <cell r="M378"/>
          <cell r="N378"/>
        </row>
        <row r="379">
          <cell r="B379">
            <v>336</v>
          </cell>
          <cell r="C379" t="str">
            <v>有限会社明環</v>
          </cell>
          <cell r="D379" t="str">
            <v>田口 圭介</v>
          </cell>
          <cell r="E379">
            <v>44651</v>
          </cell>
          <cell r="F379">
            <v>42826</v>
          </cell>
          <cell r="G379">
            <v>41281</v>
          </cell>
          <cell r="H379">
            <v>6760078</v>
          </cell>
          <cell r="I379" t="str">
            <v>高砂市伊保一丁目2番26号</v>
          </cell>
          <cell r="J379" t="str">
            <v>079-447-0681</v>
          </cell>
          <cell r="K379" t="str">
            <v>079-447-1192</v>
          </cell>
          <cell r="L379"/>
          <cell r="M379"/>
          <cell r="N379"/>
        </row>
        <row r="380">
          <cell r="B380">
            <v>337</v>
          </cell>
          <cell r="C380" t="str">
            <v>上田住設</v>
          </cell>
          <cell r="D380" t="str">
            <v>上田 忠実</v>
          </cell>
          <cell r="E380">
            <v>45016</v>
          </cell>
          <cell r="F380">
            <v>43191</v>
          </cell>
          <cell r="G380">
            <v>41365</v>
          </cell>
          <cell r="H380">
            <v>6752456</v>
          </cell>
          <cell r="I380" t="str">
            <v>加西市若井町2632番地</v>
          </cell>
          <cell r="J380" t="str">
            <v>0790-44-0397</v>
          </cell>
          <cell r="K380" t="str">
            <v>0790-44-2829</v>
          </cell>
          <cell r="L380"/>
          <cell r="M380"/>
          <cell r="N380"/>
        </row>
        <row r="381">
          <cell r="B381">
            <v>338</v>
          </cell>
          <cell r="C381" t="str">
            <v>カネシカ住建</v>
          </cell>
          <cell r="D381" t="str">
            <v>金鹿 孝憲</v>
          </cell>
          <cell r="E381">
            <v>45016</v>
          </cell>
          <cell r="F381">
            <v>43191</v>
          </cell>
          <cell r="G381">
            <v>41365</v>
          </cell>
          <cell r="H381">
            <v>6752364</v>
          </cell>
          <cell r="I381" t="str">
            <v>加西市窪田町282番地1の3</v>
          </cell>
          <cell r="J381" t="str">
            <v>0790-43-2805</v>
          </cell>
          <cell r="K381"/>
          <cell r="L381"/>
          <cell r="M381"/>
          <cell r="N381"/>
        </row>
        <row r="382">
          <cell r="B382">
            <v>339</v>
          </cell>
          <cell r="C382" t="str">
            <v>藤井設備工業株式会社</v>
          </cell>
          <cell r="D382" t="str">
            <v>藤井 一博</v>
          </cell>
          <cell r="E382">
            <v>45016</v>
          </cell>
          <cell r="F382">
            <v>43191</v>
          </cell>
          <cell r="G382">
            <v>41548</v>
          </cell>
          <cell r="H382">
            <v>6751367</v>
          </cell>
          <cell r="I382" t="str">
            <v>小野市敷地町1382番地</v>
          </cell>
          <cell r="J382" t="str">
            <v>0794-63-4912</v>
          </cell>
          <cell r="K382" t="str">
            <v>0794-63-4913</v>
          </cell>
          <cell r="L382"/>
          <cell r="M382"/>
          <cell r="N382"/>
        </row>
        <row r="383">
          <cell r="B383">
            <v>340</v>
          </cell>
          <cell r="C383" t="str">
            <v>オーエヌエンジニア株式会社</v>
          </cell>
          <cell r="D383" t="str">
            <v>小野 和馬</v>
          </cell>
          <cell r="E383">
            <v>45382</v>
          </cell>
          <cell r="F383">
            <v>43556</v>
          </cell>
          <cell r="G383">
            <v>41821</v>
          </cell>
          <cell r="H383" t="str">
            <v>675-2241</v>
          </cell>
          <cell r="I383" t="str">
            <v>加西市段下町179番地</v>
          </cell>
          <cell r="J383" t="str">
            <v>0790-48-8906</v>
          </cell>
          <cell r="K383" t="str">
            <v>0790-48-8907</v>
          </cell>
          <cell r="L383"/>
          <cell r="M383"/>
          <cell r="N383"/>
        </row>
        <row r="384">
          <cell r="B384">
            <v>340</v>
          </cell>
          <cell r="C384"/>
          <cell r="D384"/>
          <cell r="E384"/>
          <cell r="F384"/>
          <cell r="G384"/>
          <cell r="H384"/>
          <cell r="I384"/>
          <cell r="J384"/>
          <cell r="K384"/>
          <cell r="L384"/>
          <cell r="M384"/>
          <cell r="N384"/>
        </row>
        <row r="385">
          <cell r="B385">
            <v>341</v>
          </cell>
          <cell r="C385" t="str">
            <v>コバヤシ設備</v>
          </cell>
          <cell r="D385" t="str">
            <v>小林　勉</v>
          </cell>
          <cell r="E385" t="str">
            <v>取消</v>
          </cell>
          <cell r="F385">
            <v>41913</v>
          </cell>
          <cell r="G385">
            <v>41913</v>
          </cell>
          <cell r="H385" t="str">
            <v>675-1357</v>
          </cell>
          <cell r="I385" t="str">
            <v>小野市三和町1101番地の1</v>
          </cell>
          <cell r="J385" t="str">
            <v>0794-66-5061</v>
          </cell>
          <cell r="K385" t="str">
            <v>0794-66-5061</v>
          </cell>
          <cell r="L385" t="str">
            <v>H31.3　更新手続きなし</v>
          </cell>
          <cell r="M385"/>
          <cell r="N385"/>
        </row>
        <row r="386">
          <cell r="B386">
            <v>342</v>
          </cell>
          <cell r="C386" t="str">
            <v>ベネッセ水設有限会社</v>
          </cell>
          <cell r="D386" t="str">
            <v>吉田　和敏</v>
          </cell>
          <cell r="E386" t="str">
            <v>取消</v>
          </cell>
          <cell r="F386">
            <v>42009</v>
          </cell>
          <cell r="G386">
            <v>42009</v>
          </cell>
          <cell r="H386" t="str">
            <v>675-1215</v>
          </cell>
          <cell r="I386" t="str">
            <v>加古川市上荘町都台2丁目3番地の5</v>
          </cell>
          <cell r="J386" t="str">
            <v>079-428-1641</v>
          </cell>
          <cell r="K386" t="str">
            <v>079-428-1642</v>
          </cell>
          <cell r="L386" t="str">
            <v>R1.9　 更新手続きなし</v>
          </cell>
          <cell r="M386"/>
          <cell r="N386"/>
        </row>
        <row r="387">
          <cell r="B387">
            <v>343</v>
          </cell>
          <cell r="C387" t="str">
            <v>株式会社大西住設</v>
          </cell>
          <cell r="D387" t="str">
            <v>大西　敬一郎</v>
          </cell>
          <cell r="E387">
            <v>45747</v>
          </cell>
          <cell r="F387">
            <v>43922</v>
          </cell>
          <cell r="G387">
            <v>42278</v>
          </cell>
          <cell r="H387" t="str">
            <v>675-0019</v>
          </cell>
          <cell r="I387" t="str">
            <v>加古川市野口町水足519番地の2</v>
          </cell>
          <cell r="J387" t="str">
            <v>079-490-3440</v>
          </cell>
          <cell r="K387" t="str">
            <v>079-490-3441</v>
          </cell>
          <cell r="L387"/>
          <cell r="M387"/>
          <cell r="N387"/>
        </row>
        <row r="388">
          <cell r="B388">
            <v>344</v>
          </cell>
          <cell r="C388" t="str">
            <v>関山設備</v>
          </cell>
          <cell r="D388" t="str">
            <v>関山　忠治</v>
          </cell>
          <cell r="E388">
            <v>44286</v>
          </cell>
          <cell r="F388">
            <v>42461</v>
          </cell>
          <cell r="G388">
            <v>42461</v>
          </cell>
          <cell r="H388" t="str">
            <v>675-0055</v>
          </cell>
          <cell r="I388" t="str">
            <v>加古川市東神吉町西井ノ口229番地の24</v>
          </cell>
          <cell r="J388" t="str">
            <v>079-439-4407</v>
          </cell>
          <cell r="K388" t="str">
            <v>079-432-7579</v>
          </cell>
          <cell r="L388"/>
          <cell r="M388"/>
          <cell r="N388"/>
        </row>
        <row r="389">
          <cell r="B389">
            <v>345</v>
          </cell>
          <cell r="C389" t="str">
            <v>ミヤナガ建設</v>
          </cell>
          <cell r="D389" t="str">
            <v>宮永　正三</v>
          </cell>
          <cell r="E389">
            <v>44286</v>
          </cell>
          <cell r="F389">
            <v>42461</v>
          </cell>
          <cell r="G389">
            <v>42461</v>
          </cell>
          <cell r="H389" t="str">
            <v>675-0303</v>
          </cell>
          <cell r="I389" t="str">
            <v>加古川市志方町細工所473番地</v>
          </cell>
          <cell r="J389" t="str">
            <v>079-452-4369</v>
          </cell>
          <cell r="K389" t="str">
            <v>079-452-4375</v>
          </cell>
          <cell r="L389"/>
          <cell r="M389"/>
          <cell r="N389"/>
        </row>
        <row r="390">
          <cell r="B390">
            <v>346</v>
          </cell>
          <cell r="C390" t="str">
            <v>株式会社ウノ</v>
          </cell>
          <cell r="D390" t="str">
            <v>宇野　健志</v>
          </cell>
          <cell r="E390">
            <v>44286</v>
          </cell>
          <cell r="F390">
            <v>42739</v>
          </cell>
          <cell r="G390">
            <v>42740</v>
          </cell>
          <cell r="H390" t="str">
            <v>677-0003</v>
          </cell>
          <cell r="I390" t="str">
            <v>西脇市西田町261番地の1</v>
          </cell>
          <cell r="J390" t="str">
            <v>0795-22-1261</v>
          </cell>
          <cell r="K390" t="str">
            <v>0795-22-8186</v>
          </cell>
          <cell r="L390"/>
          <cell r="M390"/>
          <cell r="N390"/>
        </row>
        <row r="391">
          <cell r="B391">
            <v>347</v>
          </cell>
          <cell r="C391" t="str">
            <v>有限会社松岡組</v>
          </cell>
          <cell r="D391" t="str">
            <v>松岡　哲生</v>
          </cell>
          <cell r="E391">
            <v>44286</v>
          </cell>
          <cell r="F391">
            <v>42739</v>
          </cell>
          <cell r="G391">
            <v>42740</v>
          </cell>
          <cell r="H391" t="str">
            <v>651-2231</v>
          </cell>
          <cell r="I391" t="str">
            <v>神戸市西区櫨谷町寺谷1242番地の693</v>
          </cell>
          <cell r="J391" t="str">
            <v>078-997-1422</v>
          </cell>
          <cell r="K391" t="str">
            <v>078-997-1473</v>
          </cell>
          <cell r="L391"/>
          <cell r="M391"/>
          <cell r="N391"/>
        </row>
        <row r="392">
          <cell r="B392">
            <v>348</v>
          </cell>
          <cell r="C392" t="str">
            <v>株式会社ダイセン</v>
          </cell>
          <cell r="D392" t="str">
            <v>塚前　孝文</v>
          </cell>
          <cell r="E392">
            <v>44651</v>
          </cell>
          <cell r="F392">
            <v>42826</v>
          </cell>
          <cell r="G392">
            <v>42826</v>
          </cell>
          <cell r="H392" t="str">
            <v>675-2241</v>
          </cell>
          <cell r="I392" t="str">
            <v>加西市段下町60番地の13</v>
          </cell>
          <cell r="J392" t="str">
            <v>0790-48-2063</v>
          </cell>
          <cell r="K392" t="str">
            <v>0790-48-3781</v>
          </cell>
          <cell r="L392"/>
          <cell r="M392"/>
          <cell r="N392"/>
        </row>
        <row r="393">
          <cell r="B393">
            <v>349</v>
          </cell>
          <cell r="C393" t="str">
            <v>有限会社大野設備</v>
          </cell>
          <cell r="D393" t="str">
            <v>西川　勝吾</v>
          </cell>
          <cell r="E393">
            <v>44651</v>
          </cell>
          <cell r="F393">
            <v>42917</v>
          </cell>
          <cell r="G393">
            <v>42917</v>
          </cell>
          <cell r="H393" t="str">
            <v>679-2161</v>
          </cell>
          <cell r="I393" t="str">
            <v>姫路市香寺町溝口837番地1</v>
          </cell>
          <cell r="J393" t="str">
            <v>079-232-3226</v>
          </cell>
          <cell r="K393" t="str">
            <v>079-232-7667</v>
          </cell>
          <cell r="L393"/>
          <cell r="M393"/>
          <cell r="N393"/>
        </row>
        <row r="394">
          <cell r="B394">
            <v>350</v>
          </cell>
          <cell r="C394" t="str">
            <v>有限会社ＹＭ設備</v>
          </cell>
          <cell r="D394" t="str">
            <v>向谷　悦和</v>
          </cell>
          <cell r="E394">
            <v>44651</v>
          </cell>
          <cell r="F394">
            <v>42917</v>
          </cell>
          <cell r="G394">
            <v>42917</v>
          </cell>
          <cell r="H394" t="str">
            <v>651-2122</v>
          </cell>
          <cell r="I394" t="str">
            <v>神戸市西区白水二丁目10番11号</v>
          </cell>
          <cell r="J394" t="str">
            <v>078-978-1236</v>
          </cell>
          <cell r="K394" t="str">
            <v>078-978-1237</v>
          </cell>
          <cell r="L394"/>
          <cell r="M394"/>
          <cell r="N394"/>
        </row>
        <row r="395">
          <cell r="B395">
            <v>351</v>
          </cell>
          <cell r="C395" t="str">
            <v>光丸商會</v>
          </cell>
          <cell r="D395" t="str">
            <v>横内　秀光</v>
          </cell>
          <cell r="E395">
            <v>44651</v>
          </cell>
          <cell r="F395">
            <v>43009</v>
          </cell>
          <cell r="G395">
            <v>43009</v>
          </cell>
          <cell r="H395" t="str">
            <v>669-3124</v>
          </cell>
          <cell r="I395" t="str">
            <v>丹波市山南町大谷263番地1</v>
          </cell>
          <cell r="J395" t="str">
            <v>0795-77-1229</v>
          </cell>
          <cell r="K395" t="str">
            <v>0795-77-2982</v>
          </cell>
          <cell r="L395"/>
          <cell r="M395"/>
          <cell r="N395"/>
        </row>
        <row r="396">
          <cell r="B396">
            <v>352</v>
          </cell>
          <cell r="C396" t="str">
            <v>株式会社中井設備</v>
          </cell>
          <cell r="D396" t="str">
            <v>中井　正二</v>
          </cell>
          <cell r="E396">
            <v>44651</v>
          </cell>
          <cell r="F396">
            <v>43009</v>
          </cell>
          <cell r="G396">
            <v>43009</v>
          </cell>
          <cell r="H396" t="str">
            <v>671-0201</v>
          </cell>
          <cell r="I396" t="str">
            <v>姫路市飾東町小原新201番地1</v>
          </cell>
          <cell r="J396" t="str">
            <v>079-262-0066</v>
          </cell>
          <cell r="K396" t="str">
            <v>079-262-0066</v>
          </cell>
          <cell r="L396"/>
          <cell r="M396"/>
          <cell r="N396"/>
        </row>
        <row r="397">
          <cell r="B397">
            <v>353</v>
          </cell>
          <cell r="C397" t="str">
            <v>有限会社多紀水工</v>
          </cell>
          <cell r="D397" t="str">
            <v>村上　秀樹</v>
          </cell>
          <cell r="E397">
            <v>44651</v>
          </cell>
          <cell r="F397">
            <v>43009</v>
          </cell>
          <cell r="G397">
            <v>43009</v>
          </cell>
          <cell r="H397" t="str">
            <v>669-2123</v>
          </cell>
          <cell r="I397" t="str">
            <v>篠山市古市61番地</v>
          </cell>
          <cell r="J397" t="str">
            <v>079-595-0537</v>
          </cell>
          <cell r="K397" t="str">
            <v>079-595-1094</v>
          </cell>
          <cell r="L397"/>
          <cell r="M397"/>
          <cell r="N397"/>
        </row>
        <row r="398">
          <cell r="B398">
            <v>354</v>
          </cell>
          <cell r="C398" t="str">
            <v>有限会社三和テック</v>
          </cell>
          <cell r="D398" t="str">
            <v>三浦　岩和</v>
          </cell>
          <cell r="E398">
            <v>44651</v>
          </cell>
          <cell r="F398">
            <v>43009</v>
          </cell>
          <cell r="G398">
            <v>43009</v>
          </cell>
          <cell r="H398" t="str">
            <v>671-1101</v>
          </cell>
          <cell r="I398" t="str">
            <v>姫路市広畑区東夢前台4丁目122番地</v>
          </cell>
          <cell r="J398" t="str">
            <v>079-228-7566</v>
          </cell>
          <cell r="K398" t="str">
            <v>079-228-7567</v>
          </cell>
          <cell r="L398"/>
          <cell r="M398"/>
          <cell r="N398"/>
        </row>
        <row r="399">
          <cell r="B399">
            <v>355</v>
          </cell>
          <cell r="C399" t="str">
            <v>新栄設備工業有限会社</v>
          </cell>
          <cell r="D399" t="str">
            <v>中山　隆義</v>
          </cell>
          <cell r="E399">
            <v>44651</v>
          </cell>
          <cell r="F399">
            <v>43104</v>
          </cell>
          <cell r="G399">
            <v>43104</v>
          </cell>
          <cell r="H399" t="str">
            <v>671-0251</v>
          </cell>
          <cell r="I399" t="str">
            <v>姫路市花田町上原田52番地の10</v>
          </cell>
          <cell r="J399" t="str">
            <v>079-253-4767</v>
          </cell>
          <cell r="K399" t="str">
            <v>079-253-4768</v>
          </cell>
          <cell r="L399"/>
          <cell r="M399"/>
          <cell r="N399"/>
        </row>
        <row r="400">
          <cell r="B400">
            <v>356</v>
          </cell>
          <cell r="C400" t="str">
            <v>ヴァースト</v>
          </cell>
          <cell r="D400" t="str">
            <v>柳　  辰彦</v>
          </cell>
          <cell r="E400">
            <v>44651</v>
          </cell>
          <cell r="F400">
            <v>43104</v>
          </cell>
          <cell r="G400">
            <v>43104</v>
          </cell>
          <cell r="H400">
            <v>6752313</v>
          </cell>
          <cell r="I400" t="str">
            <v>加西市北条町黒駒250番地2</v>
          </cell>
          <cell r="J400" t="str">
            <v>0790-42-5468</v>
          </cell>
          <cell r="K400" t="str">
            <v>0790-42-5468</v>
          </cell>
          <cell r="L400"/>
          <cell r="M400"/>
          <cell r="N400"/>
        </row>
        <row r="401">
          <cell r="B401">
            <v>357</v>
          </cell>
          <cell r="C401" t="str">
            <v>株式会社シン</v>
          </cell>
          <cell r="D401" t="str">
            <v>坂本　直哉</v>
          </cell>
          <cell r="E401">
            <v>45016</v>
          </cell>
          <cell r="F401">
            <v>43191</v>
          </cell>
          <cell r="G401">
            <v>43191</v>
          </cell>
          <cell r="H401">
            <v>6750011</v>
          </cell>
          <cell r="I401" t="str">
            <v>加古川市野口町北野1321番地の1</v>
          </cell>
          <cell r="J401" t="str">
            <v>079-423-7809</v>
          </cell>
          <cell r="K401" t="str">
            <v>079-423-7880</v>
          </cell>
          <cell r="L401"/>
          <cell r="M401"/>
          <cell r="N401"/>
        </row>
        <row r="402">
          <cell r="B402">
            <v>358</v>
          </cell>
          <cell r="C402" t="str">
            <v>有限会社ミヤマ</v>
          </cell>
          <cell r="D402" t="str">
            <v>日下部　太</v>
          </cell>
          <cell r="E402">
            <v>45016</v>
          </cell>
          <cell r="F402">
            <v>43191</v>
          </cell>
          <cell r="G402">
            <v>43191</v>
          </cell>
          <cell r="H402">
            <v>6752303</v>
          </cell>
          <cell r="I402" t="str">
            <v>加西市北条町古坂442番地の2</v>
          </cell>
          <cell r="J402" t="str">
            <v>0790-35-9703</v>
          </cell>
          <cell r="K402" t="str">
            <v>0790-43-2266</v>
          </cell>
          <cell r="L402"/>
          <cell r="M402"/>
          <cell r="N402"/>
        </row>
        <row r="403">
          <cell r="B403">
            <v>359</v>
          </cell>
          <cell r="C403" t="str">
            <v>市木工業</v>
          </cell>
          <cell r="D403" t="str">
            <v>市木　良太</v>
          </cell>
          <cell r="E403">
            <v>45016</v>
          </cell>
          <cell r="F403">
            <v>43282</v>
          </cell>
          <cell r="G403">
            <v>43282</v>
          </cell>
          <cell r="H403" t="str">
            <v>672-8052</v>
          </cell>
          <cell r="I403" t="str">
            <v>姫路市飾磨区玉地48番地7</v>
          </cell>
          <cell r="J403" t="str">
            <v>079-228-0171</v>
          </cell>
          <cell r="K403" t="str">
            <v>079-228-0171</v>
          </cell>
          <cell r="L403"/>
          <cell r="M403"/>
          <cell r="N403"/>
        </row>
        <row r="404">
          <cell r="B404">
            <v>360</v>
          </cell>
          <cell r="C404" t="str">
            <v>株式会社翔設備</v>
          </cell>
          <cell r="D404" t="str">
            <v>黒田　幸介</v>
          </cell>
          <cell r="E404">
            <v>45016</v>
          </cell>
          <cell r="F404">
            <v>43374</v>
          </cell>
          <cell r="G404">
            <v>43374</v>
          </cell>
          <cell r="H404" t="str">
            <v>675-0122</v>
          </cell>
          <cell r="I404" t="str">
            <v>加古川市別府町別府597番地の14</v>
          </cell>
          <cell r="J404" t="str">
            <v>079-497-7174</v>
          </cell>
          <cell r="K404" t="str">
            <v>079-497-7175</v>
          </cell>
          <cell r="L404"/>
          <cell r="M404"/>
          <cell r="N404"/>
        </row>
        <row r="405">
          <cell r="B405">
            <v>361</v>
          </cell>
          <cell r="C405" t="str">
            <v>えばし設備</v>
          </cell>
          <cell r="D405" t="str">
            <v>江端　達也</v>
          </cell>
          <cell r="E405">
            <v>45016</v>
          </cell>
          <cell r="F405">
            <v>43469</v>
          </cell>
          <cell r="G405">
            <v>43469</v>
          </cell>
          <cell r="H405" t="str">
            <v>672-8016</v>
          </cell>
          <cell r="I405" t="str">
            <v>姫路市木場550番地9</v>
          </cell>
          <cell r="J405" t="str">
            <v>079-246-2283</v>
          </cell>
          <cell r="K405" t="str">
            <v>079-246-2284</v>
          </cell>
          <cell r="L405"/>
          <cell r="M405"/>
          <cell r="N405"/>
        </row>
        <row r="406">
          <cell r="B406">
            <v>362</v>
          </cell>
          <cell r="C406" t="str">
            <v>株式会社七福建設</v>
          </cell>
          <cell r="D406" t="str">
            <v>村岡　括矢</v>
          </cell>
          <cell r="E406">
            <v>45382</v>
          </cell>
          <cell r="F406">
            <v>43739</v>
          </cell>
          <cell r="G406">
            <v>43739</v>
          </cell>
          <cell r="H406" t="str">
            <v>677-0054</v>
          </cell>
          <cell r="I406" t="str">
            <v>西脇市野村町249番地の9</v>
          </cell>
          <cell r="J406" t="str">
            <v>0795-22-5544</v>
          </cell>
          <cell r="K406" t="str">
            <v>0795-22-5563</v>
          </cell>
          <cell r="L406"/>
          <cell r="M406"/>
          <cell r="N406"/>
        </row>
        <row r="407">
          <cell r="B407">
            <v>363</v>
          </cell>
          <cell r="C407" t="str">
            <v>藤野設備工業</v>
          </cell>
          <cell r="D407" t="str">
            <v>藤野　泰典</v>
          </cell>
          <cell r="E407">
            <v>45382</v>
          </cell>
          <cell r="F407">
            <v>43739</v>
          </cell>
          <cell r="G407">
            <v>43739</v>
          </cell>
          <cell r="H407" t="str">
            <v>672-8025</v>
          </cell>
          <cell r="I407" t="str">
            <v>姫路市飾磨区堀川町85番地3</v>
          </cell>
          <cell r="J407" t="str">
            <v>079-235-7320</v>
          </cell>
          <cell r="K407" t="str">
            <v>079-235-7321</v>
          </cell>
          <cell r="L407"/>
          <cell r="M407"/>
          <cell r="N407"/>
        </row>
        <row r="408">
          <cell r="B408">
            <v>364</v>
          </cell>
          <cell r="C408" t="str">
            <v>リノベイト設備</v>
          </cell>
          <cell r="D408" t="str">
            <v>竹内　正明</v>
          </cell>
          <cell r="E408">
            <v>45382</v>
          </cell>
          <cell r="F408">
            <v>43836</v>
          </cell>
          <cell r="G408">
            <v>43836</v>
          </cell>
          <cell r="H408" t="str">
            <v>673-0532</v>
          </cell>
          <cell r="I408" t="str">
            <v>三木市緑が丘町中2丁目2番地の20</v>
          </cell>
          <cell r="J408" t="str">
            <v>0794-85-5762</v>
          </cell>
          <cell r="K408" t="str">
            <v>0794-85-5762</v>
          </cell>
          <cell r="L408"/>
          <cell r="M408"/>
          <cell r="N408"/>
        </row>
        <row r="409">
          <cell r="B409">
            <v>365</v>
          </cell>
          <cell r="C409" t="str">
            <v>大谷設備</v>
          </cell>
          <cell r="D409" t="str">
            <v>大谷　修司</v>
          </cell>
          <cell r="E409">
            <v>45747</v>
          </cell>
          <cell r="F409">
            <v>43922</v>
          </cell>
          <cell r="G409">
            <v>43922</v>
          </cell>
          <cell r="H409" t="str">
            <v>675-2346</v>
          </cell>
          <cell r="I409" t="str">
            <v>加西市東剣坂町515番地</v>
          </cell>
          <cell r="J409" t="str">
            <v>0790-46-0045</v>
          </cell>
          <cell r="K409" t="str">
            <v>0790-46-0045</v>
          </cell>
          <cell r="L409"/>
          <cell r="M409"/>
          <cell r="N409"/>
        </row>
        <row r="410">
          <cell r="B410">
            <v>366</v>
          </cell>
          <cell r="C410" t="str">
            <v>株式会社栄設備</v>
          </cell>
          <cell r="D410" t="str">
            <v>東本　文夫</v>
          </cell>
          <cell r="E410">
            <v>45747</v>
          </cell>
          <cell r="F410">
            <v>44013</v>
          </cell>
          <cell r="G410">
            <v>44013</v>
          </cell>
          <cell r="H410" t="str">
            <v>675-0113</v>
          </cell>
          <cell r="I410" t="str">
            <v>加古川市平岡町中野677番地の1</v>
          </cell>
          <cell r="J410" t="str">
            <v>079-437-1700</v>
          </cell>
          <cell r="K410" t="str">
            <v>079-437-1707</v>
          </cell>
          <cell r="L410"/>
          <cell r="M410"/>
          <cell r="N410"/>
        </row>
        <row r="411">
          <cell r="B411"/>
          <cell r="C411"/>
          <cell r="D411"/>
          <cell r="E411"/>
          <cell r="F411"/>
          <cell r="G411"/>
          <cell r="H411"/>
          <cell r="I411"/>
          <cell r="J411"/>
          <cell r="K411"/>
          <cell r="L411"/>
          <cell r="M411"/>
          <cell r="N411"/>
        </row>
        <row r="412">
          <cell r="B412"/>
          <cell r="C412"/>
          <cell r="D412"/>
          <cell r="E412"/>
          <cell r="F412"/>
          <cell r="G412"/>
          <cell r="H412"/>
          <cell r="I412"/>
          <cell r="J412"/>
          <cell r="K412"/>
          <cell r="L412"/>
          <cell r="M412"/>
          <cell r="N412"/>
        </row>
        <row r="413">
          <cell r="B413"/>
          <cell r="C413"/>
          <cell r="D413"/>
          <cell r="E413"/>
          <cell r="F413"/>
          <cell r="G413"/>
          <cell r="H413"/>
          <cell r="I413"/>
          <cell r="J413"/>
          <cell r="K413"/>
          <cell r="L413"/>
          <cell r="M413"/>
          <cell r="N413"/>
        </row>
        <row r="414">
          <cell r="B414"/>
          <cell r="C414"/>
          <cell r="D414"/>
          <cell r="E414"/>
          <cell r="F414"/>
          <cell r="G414"/>
          <cell r="H414"/>
          <cell r="I414"/>
          <cell r="J414"/>
          <cell r="K414"/>
          <cell r="L414"/>
          <cell r="M414"/>
          <cell r="N414"/>
        </row>
        <row r="415">
          <cell r="B415"/>
          <cell r="C415" t="str">
            <v>指定工事店名</v>
          </cell>
          <cell r="D415" t="str">
            <v>代表者名</v>
          </cell>
          <cell r="E415"/>
          <cell r="F415"/>
          <cell r="G415"/>
          <cell r="H415"/>
          <cell r="I415" t="str">
            <v>住　　　　　　　　　所</v>
          </cell>
          <cell r="J415"/>
          <cell r="K415"/>
          <cell r="L415"/>
          <cell r="M415"/>
          <cell r="N415"/>
        </row>
        <row r="418">
          <cell r="C418" t="str">
            <v>指定工事店指定数</v>
          </cell>
          <cell r="D418"/>
        </row>
        <row r="419">
          <cell r="C419" t="str">
            <v>262社</v>
          </cell>
          <cell r="D419" t="str">
            <v>※58社取消</v>
          </cell>
          <cell r="E419" t="str">
            <v>（H20.4.1現在）</v>
          </cell>
        </row>
        <row r="420">
          <cell r="C420">
            <v>229</v>
          </cell>
          <cell r="D420">
            <v>99</v>
          </cell>
          <cell r="E420" t="str">
            <v>（H22.4.1現在）</v>
          </cell>
        </row>
        <row r="421">
          <cell r="C421">
            <v>215</v>
          </cell>
          <cell r="D421">
            <v>115</v>
          </cell>
          <cell r="E421" t="str">
            <v>（H23.4.1現在）</v>
          </cell>
        </row>
        <row r="422">
          <cell r="C422">
            <v>213</v>
          </cell>
          <cell r="D422">
            <v>118</v>
          </cell>
          <cell r="E422" t="str">
            <v>（H24.4.1現在）</v>
          </cell>
        </row>
        <row r="423">
          <cell r="C423">
            <v>217</v>
          </cell>
          <cell r="D423">
            <v>121</v>
          </cell>
          <cell r="E423" t="str">
            <v>（H25.4.1現在）</v>
          </cell>
        </row>
        <row r="424">
          <cell r="C424">
            <v>131</v>
          </cell>
          <cell r="D424">
            <v>210</v>
          </cell>
          <cell r="E424">
            <v>44039.379767939812</v>
          </cell>
          <cell r="F4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更新者ﾘｽﾄ"/>
      <sheetName val="手数料納入通知"/>
      <sheetName val="指定工事店証"/>
    </sheetNames>
    <sheetDataSet>
      <sheetData sheetId="0">
        <row r="2">
          <cell r="AJ2">
            <v>1</v>
          </cell>
          <cell r="AK2">
            <v>1</v>
          </cell>
          <cell r="AN2" t="str">
            <v>山本電機水道</v>
          </cell>
          <cell r="AO2" t="str">
            <v>加西市北条町横尾690</v>
          </cell>
          <cell r="AP2">
            <v>6752311</v>
          </cell>
        </row>
        <row r="3">
          <cell r="AJ3">
            <v>2</v>
          </cell>
          <cell r="AK3">
            <v>2</v>
          </cell>
          <cell r="AN3" t="str">
            <v>㈱森本工業所</v>
          </cell>
          <cell r="AO3" t="str">
            <v>加西市和泉町689-1</v>
          </cell>
          <cell r="AP3">
            <v>6752423</v>
          </cell>
          <cell r="AS3" t="str">
            <v>株式会社森本工業所</v>
          </cell>
          <cell r="AT3" t="str">
            <v>森本秀道</v>
          </cell>
          <cell r="AU3">
            <v>44105</v>
          </cell>
          <cell r="AV3">
            <v>45930</v>
          </cell>
        </row>
        <row r="4">
          <cell r="AJ4">
            <v>3</v>
          </cell>
          <cell r="AK4">
            <v>3</v>
          </cell>
          <cell r="AN4" t="str">
            <v>松田ポンプ店</v>
          </cell>
          <cell r="AO4" t="str">
            <v>加西市北条町北条141-12</v>
          </cell>
          <cell r="AP4">
            <v>6752312</v>
          </cell>
        </row>
        <row r="5">
          <cell r="AJ5">
            <v>4</v>
          </cell>
          <cell r="AK5">
            <v>4</v>
          </cell>
          <cell r="AN5" t="str">
            <v>橋爪電機株式会社</v>
          </cell>
          <cell r="AO5" t="str">
            <v>加西市中野町1635-5</v>
          </cell>
          <cell r="AP5">
            <v>6752102</v>
          </cell>
          <cell r="AS5" t="str">
            <v>橋爪電機株式会社</v>
          </cell>
          <cell r="AT5" t="str">
            <v>橋爪重憲</v>
          </cell>
          <cell r="AU5">
            <v>44105</v>
          </cell>
          <cell r="AV5">
            <v>45930</v>
          </cell>
        </row>
        <row r="6">
          <cell r="AJ6">
            <v>5</v>
          </cell>
          <cell r="AK6">
            <v>5</v>
          </cell>
          <cell r="AN6" t="str">
            <v>石野電気商会</v>
          </cell>
          <cell r="AO6" t="str">
            <v>加西市西谷町9-1</v>
          </cell>
          <cell r="AP6">
            <v>6752366</v>
          </cell>
          <cell r="AS6" t="str">
            <v>石野電気商会</v>
          </cell>
          <cell r="AT6" t="str">
            <v>石野　太</v>
          </cell>
          <cell r="AU6">
            <v>44105</v>
          </cell>
          <cell r="AV6">
            <v>45930</v>
          </cell>
        </row>
        <row r="7">
          <cell r="AJ7">
            <v>6</v>
          </cell>
          <cell r="AK7">
            <v>6</v>
          </cell>
          <cell r="AN7" t="str">
            <v>吉位水道</v>
          </cell>
          <cell r="AO7" t="str">
            <v>加西市北条町東高室28</v>
          </cell>
          <cell r="AP7">
            <v>6752321</v>
          </cell>
        </row>
        <row r="8">
          <cell r="AJ8">
            <v>7</v>
          </cell>
          <cell r="AK8">
            <v>7</v>
          </cell>
          <cell r="AN8" t="str">
            <v>そごう電器㈱</v>
          </cell>
          <cell r="AO8" t="str">
            <v>加西市北条町北条951</v>
          </cell>
        </row>
        <row r="9">
          <cell r="AJ9">
            <v>8</v>
          </cell>
          <cell r="AK9">
            <v>8</v>
          </cell>
          <cell r="AN9" t="str">
            <v>㈱前田電機水道所</v>
          </cell>
          <cell r="AO9" t="str">
            <v>加西市西笠原町172-13</v>
          </cell>
          <cell r="AP9">
            <v>6752213</v>
          </cell>
        </row>
        <row r="10">
          <cell r="AJ10">
            <v>9</v>
          </cell>
          <cell r="AK10">
            <v>9</v>
          </cell>
          <cell r="AN10" t="str">
            <v>神田電化ハウス</v>
          </cell>
          <cell r="AO10" t="str">
            <v>加西市殿原町276-3</v>
          </cell>
          <cell r="AP10">
            <v>6752445</v>
          </cell>
          <cell r="AS10" t="str">
            <v>神田電化ハウス</v>
          </cell>
          <cell r="AT10" t="str">
            <v>神田賢一</v>
          </cell>
          <cell r="AU10">
            <v>44105</v>
          </cell>
          <cell r="AV10">
            <v>45930</v>
          </cell>
        </row>
        <row r="11">
          <cell r="AJ11">
            <v>10</v>
          </cell>
          <cell r="AK11">
            <v>10</v>
          </cell>
          <cell r="AN11" t="str">
            <v>大興電気商会</v>
          </cell>
          <cell r="AO11" t="str">
            <v>加西市王子町83-2</v>
          </cell>
          <cell r="AP11">
            <v>6752231</v>
          </cell>
        </row>
        <row r="12">
          <cell r="AJ12">
            <v>11</v>
          </cell>
          <cell r="AK12">
            <v>11</v>
          </cell>
          <cell r="AN12" t="str">
            <v>アトム工業㈱</v>
          </cell>
          <cell r="AO12" t="str">
            <v>加西市福居町352</v>
          </cell>
          <cell r="AP12">
            <v>6752351</v>
          </cell>
        </row>
        <row r="13">
          <cell r="AJ13">
            <v>12</v>
          </cell>
          <cell r="AK13">
            <v>12</v>
          </cell>
          <cell r="AN13" t="str">
            <v>㈲ﾅｶｳ電化ｾﾝﾀｰ</v>
          </cell>
          <cell r="AO13" t="str">
            <v>加西市北条町北条11-7</v>
          </cell>
          <cell r="AP13">
            <v>6752312</v>
          </cell>
          <cell r="AS13" t="str">
            <v>有限会社ナカウ電化センター</v>
          </cell>
          <cell r="AT13" t="str">
            <v>中右義明</v>
          </cell>
          <cell r="AU13">
            <v>44105</v>
          </cell>
          <cell r="AV13">
            <v>45930</v>
          </cell>
        </row>
        <row r="14">
          <cell r="AJ14">
            <v>13</v>
          </cell>
          <cell r="AK14">
            <v>13</v>
          </cell>
          <cell r="AN14" t="str">
            <v>北条無線電機㈱</v>
          </cell>
          <cell r="AO14" t="str">
            <v>加西市北条町北条912-3</v>
          </cell>
          <cell r="AP14">
            <v>6752312</v>
          </cell>
        </row>
        <row r="15">
          <cell r="AJ15">
            <v>14</v>
          </cell>
          <cell r="AK15">
            <v>14</v>
          </cell>
          <cell r="AN15" t="str">
            <v>桂電機㈱</v>
          </cell>
          <cell r="AO15" t="str">
            <v>加西市北条町古坂1丁目77-1</v>
          </cell>
          <cell r="AP15">
            <v>6752303</v>
          </cell>
        </row>
        <row r="16">
          <cell r="AJ16">
            <v>15</v>
          </cell>
          <cell r="AK16">
            <v>15</v>
          </cell>
          <cell r="AN16" t="str">
            <v>冨嶋電建㈲</v>
          </cell>
          <cell r="AO16" t="str">
            <v>加西市中野町53-4</v>
          </cell>
          <cell r="AP16">
            <v>6752102</v>
          </cell>
        </row>
        <row r="17">
          <cell r="AJ17">
            <v>16</v>
          </cell>
          <cell r="AK17">
            <v>16</v>
          </cell>
          <cell r="AN17" t="str">
            <v>新生電機</v>
          </cell>
          <cell r="AO17" t="str">
            <v>加西市北条町北条350-3</v>
          </cell>
          <cell r="AP17">
            <v>6752312</v>
          </cell>
        </row>
        <row r="18">
          <cell r="AJ18">
            <v>17</v>
          </cell>
          <cell r="AK18">
            <v>17</v>
          </cell>
          <cell r="AN18" t="str">
            <v>高井電気商会</v>
          </cell>
          <cell r="AO18" t="str">
            <v>加西市北条町横尾56-1</v>
          </cell>
          <cell r="AP18">
            <v>6752311</v>
          </cell>
        </row>
        <row r="19">
          <cell r="AJ19">
            <v>18</v>
          </cell>
          <cell r="AK19">
            <v>18</v>
          </cell>
          <cell r="AN19" t="str">
            <v>岡本設備工業</v>
          </cell>
          <cell r="AO19" t="str">
            <v>加西市北条町古坂1丁目155</v>
          </cell>
          <cell r="AP19">
            <v>6752303</v>
          </cell>
        </row>
        <row r="20">
          <cell r="AJ20">
            <v>19</v>
          </cell>
          <cell r="AK20">
            <v>19</v>
          </cell>
          <cell r="AN20" t="str">
            <v>㈱北条設備工業</v>
          </cell>
          <cell r="AO20" t="str">
            <v>加西市北条町黒駒301-4</v>
          </cell>
        </row>
        <row r="21">
          <cell r="AJ21">
            <v>20</v>
          </cell>
          <cell r="AK21">
            <v>20</v>
          </cell>
          <cell r="AN21" t="str">
            <v>アート建設㈱</v>
          </cell>
          <cell r="AO21" t="str">
            <v>加西市北条町古坂1047-1</v>
          </cell>
          <cell r="AP21">
            <v>6752303</v>
          </cell>
        </row>
        <row r="22">
          <cell r="AJ22">
            <v>21</v>
          </cell>
          <cell r="AK22">
            <v>21</v>
          </cell>
          <cell r="AN22" t="str">
            <v>浅見ｴﾝｼﾞﾆｱﾘﾝｸﾞ株式会社</v>
          </cell>
          <cell r="AO22" t="str">
            <v>加西市三口町1265-1</v>
          </cell>
          <cell r="AP22">
            <v>6752223</v>
          </cell>
          <cell r="AS22" t="str">
            <v>浅見ｴﾝｼﾞﾆｱﾘﾝｸﾞ株式会社</v>
          </cell>
          <cell r="AT22" t="str">
            <v>浅見克己</v>
          </cell>
          <cell r="AU22">
            <v>44105</v>
          </cell>
          <cell r="AV22">
            <v>45930</v>
          </cell>
        </row>
        <row r="23">
          <cell r="AJ23">
            <v>22</v>
          </cell>
          <cell r="AK23">
            <v>22</v>
          </cell>
          <cell r="AN23" t="str">
            <v>菅原設備㈲</v>
          </cell>
          <cell r="AO23" t="str">
            <v>加西市北条町黒駒253</v>
          </cell>
          <cell r="AP23">
            <v>6752313</v>
          </cell>
          <cell r="AS23" t="str">
            <v>菅原設備有限会社</v>
          </cell>
          <cell r="AT23" t="str">
            <v>菅原洋一</v>
          </cell>
          <cell r="AU23">
            <v>44105</v>
          </cell>
          <cell r="AV23">
            <v>45930</v>
          </cell>
        </row>
        <row r="24">
          <cell r="AJ24">
            <v>23</v>
          </cell>
          <cell r="AK24">
            <v>23</v>
          </cell>
          <cell r="AN24" t="str">
            <v>㈲谷川設備</v>
          </cell>
          <cell r="AO24" t="str">
            <v>加西市和泉町699</v>
          </cell>
          <cell r="AP24">
            <v>6752423</v>
          </cell>
          <cell r="AS24" t="str">
            <v>有限会社谷川設備</v>
          </cell>
          <cell r="AT24" t="str">
            <v>谷川賢次</v>
          </cell>
          <cell r="AU24">
            <v>44105</v>
          </cell>
          <cell r="AV24">
            <v>45930</v>
          </cell>
        </row>
        <row r="25">
          <cell r="AJ25">
            <v>24</v>
          </cell>
          <cell r="AK25">
            <v>24</v>
          </cell>
          <cell r="AN25" t="str">
            <v>㈲朝盛設備工業</v>
          </cell>
          <cell r="AO25" t="str">
            <v>加西市朝妻町575</v>
          </cell>
        </row>
        <row r="26">
          <cell r="AJ26">
            <v>25</v>
          </cell>
          <cell r="AK26">
            <v>25</v>
          </cell>
          <cell r="AN26" t="str">
            <v>㈲尾上工務店</v>
          </cell>
          <cell r="AO26" t="str">
            <v>加西市西笠原町157</v>
          </cell>
          <cell r="AP26">
            <v>6752213</v>
          </cell>
        </row>
        <row r="27">
          <cell r="AJ27">
            <v>26</v>
          </cell>
          <cell r="AK27">
            <v>26</v>
          </cell>
          <cell r="AN27" t="str">
            <v>コバヤシ工事</v>
          </cell>
          <cell r="AO27" t="str">
            <v>加西市尾崎町439-17</v>
          </cell>
          <cell r="AP27">
            <v>6752242</v>
          </cell>
        </row>
        <row r="28">
          <cell r="AJ28">
            <v>27</v>
          </cell>
          <cell r="AK28">
            <v>27</v>
          </cell>
          <cell r="AN28" t="str">
            <v>内藤設備工業所</v>
          </cell>
          <cell r="AO28" t="str">
            <v>加西市北条町横尾790</v>
          </cell>
          <cell r="AP28">
            <v>6752311</v>
          </cell>
          <cell r="AS28" t="str">
            <v>内藤設備工業所</v>
          </cell>
          <cell r="AT28" t="str">
            <v>内藤定信</v>
          </cell>
          <cell r="AU28">
            <v>44105</v>
          </cell>
          <cell r="AV28">
            <v>45930</v>
          </cell>
        </row>
        <row r="29">
          <cell r="AJ29">
            <v>28</v>
          </cell>
          <cell r="AK29">
            <v>28</v>
          </cell>
          <cell r="AN29" t="str">
            <v>イイダセツビ㈱</v>
          </cell>
          <cell r="AO29" t="str">
            <v>加西市西谷町512</v>
          </cell>
          <cell r="AP29">
            <v>6752366</v>
          </cell>
          <cell r="AS29" t="str">
            <v>イイダセツビ株式会社</v>
          </cell>
          <cell r="AT29" t="str">
            <v>谷田亮太</v>
          </cell>
          <cell r="AU29">
            <v>44105</v>
          </cell>
          <cell r="AV29">
            <v>45930</v>
          </cell>
        </row>
        <row r="30">
          <cell r="AJ30">
            <v>29</v>
          </cell>
          <cell r="AK30">
            <v>29</v>
          </cell>
          <cell r="AN30" t="str">
            <v>㈱アキタ</v>
          </cell>
          <cell r="AO30" t="str">
            <v>加西市下宮木町578-1</v>
          </cell>
          <cell r="AP30">
            <v>6752105</v>
          </cell>
          <cell r="AS30" t="str">
            <v>株式会社アキタ</v>
          </cell>
          <cell r="AT30" t="str">
            <v>澤中章博</v>
          </cell>
          <cell r="AU30">
            <v>44105</v>
          </cell>
          <cell r="AV30">
            <v>45930</v>
          </cell>
        </row>
        <row r="31">
          <cell r="AJ31">
            <v>30</v>
          </cell>
          <cell r="AK31">
            <v>30</v>
          </cell>
          <cell r="AN31" t="str">
            <v>共和設備工業</v>
          </cell>
          <cell r="AO31" t="str">
            <v>加西市谷口町498</v>
          </cell>
          <cell r="AP31">
            <v>6752352</v>
          </cell>
        </row>
        <row r="32">
          <cell r="AJ32">
            <v>31</v>
          </cell>
          <cell r="AK32">
            <v>31</v>
          </cell>
          <cell r="AN32" t="str">
            <v>藤本住宅設備</v>
          </cell>
          <cell r="AO32" t="str">
            <v>加西市西野々町120-1</v>
          </cell>
          <cell r="AP32">
            <v>6752426</v>
          </cell>
        </row>
        <row r="33">
          <cell r="AJ33">
            <v>32</v>
          </cell>
          <cell r="AK33">
            <v>32</v>
          </cell>
          <cell r="AN33" t="str">
            <v>山崎電気商会</v>
          </cell>
          <cell r="AO33" t="str">
            <v>加西市岸呂町548</v>
          </cell>
          <cell r="AP33">
            <v>6752333</v>
          </cell>
        </row>
        <row r="34">
          <cell r="AJ34">
            <v>33</v>
          </cell>
          <cell r="AK34">
            <v>33</v>
          </cell>
          <cell r="AN34" t="str">
            <v>ヤマモト水設</v>
          </cell>
          <cell r="AO34" t="str">
            <v>加西市北条町横尾716-1</v>
          </cell>
          <cell r="AP34">
            <v>6752311</v>
          </cell>
        </row>
        <row r="35">
          <cell r="AJ35">
            <v>34</v>
          </cell>
          <cell r="AK35">
            <v>34</v>
          </cell>
          <cell r="AN35" t="str">
            <v>マルヨシ設備</v>
          </cell>
          <cell r="AO35" t="str">
            <v>加西市北条町東高室72</v>
          </cell>
          <cell r="AP35">
            <v>6752321</v>
          </cell>
        </row>
        <row r="36">
          <cell r="AJ36">
            <v>35</v>
          </cell>
          <cell r="AK36">
            <v>35</v>
          </cell>
          <cell r="AN36" t="str">
            <v>マナベ電機</v>
          </cell>
          <cell r="AO36" t="str">
            <v>加西市鎮岩町238-1</v>
          </cell>
          <cell r="AP36">
            <v>6752332</v>
          </cell>
          <cell r="AS36" t="str">
            <v>マナベ電機</v>
          </cell>
          <cell r="AT36" t="str">
            <v>真鍋輝義</v>
          </cell>
          <cell r="AU36">
            <v>44105</v>
          </cell>
          <cell r="AV36">
            <v>45930</v>
          </cell>
        </row>
        <row r="37">
          <cell r="AJ37">
            <v>36</v>
          </cell>
          <cell r="AK37">
            <v>36</v>
          </cell>
          <cell r="AN37" t="str">
            <v>㈲梶原電器</v>
          </cell>
          <cell r="AO37" t="str">
            <v>加西市殿原町826</v>
          </cell>
          <cell r="AP37">
            <v>6752445</v>
          </cell>
          <cell r="AS37" t="str">
            <v>有限会社梶原電器</v>
          </cell>
          <cell r="AT37" t="str">
            <v>梶原正美</v>
          </cell>
          <cell r="AU37">
            <v>44105</v>
          </cell>
          <cell r="AV37">
            <v>45930</v>
          </cell>
        </row>
        <row r="38">
          <cell r="AJ38">
            <v>37</v>
          </cell>
          <cell r="AK38">
            <v>37</v>
          </cell>
          <cell r="AN38" t="str">
            <v>三協建設㈱</v>
          </cell>
          <cell r="AO38" t="str">
            <v>加西市西長町1089-60</v>
          </cell>
          <cell r="AP38">
            <v>6752342</v>
          </cell>
        </row>
        <row r="39">
          <cell r="AJ39">
            <v>38</v>
          </cell>
          <cell r="AK39">
            <v>38</v>
          </cell>
          <cell r="AN39" t="str">
            <v>㈲デルタワーク</v>
          </cell>
          <cell r="AO39" t="str">
            <v>加西市三口町944-1</v>
          </cell>
          <cell r="AP39">
            <v>6752223</v>
          </cell>
          <cell r="AS39" t="str">
            <v>有限会社デルタワーク</v>
          </cell>
          <cell r="AT39" t="str">
            <v>芝　則史</v>
          </cell>
          <cell r="AU39">
            <v>44105</v>
          </cell>
          <cell r="AV39">
            <v>45930</v>
          </cell>
        </row>
        <row r="40">
          <cell r="AJ40">
            <v>39</v>
          </cell>
          <cell r="AK40">
            <v>39</v>
          </cell>
          <cell r="AN40" t="str">
            <v>㈱カンキョウ</v>
          </cell>
          <cell r="AO40" t="str">
            <v>加西市北条町黒駒9-1</v>
          </cell>
          <cell r="AP40">
            <v>6752313</v>
          </cell>
          <cell r="AS40" t="str">
            <v>株式会社カンキョウ</v>
          </cell>
          <cell r="AT40" t="str">
            <v>柳　美佐夫</v>
          </cell>
          <cell r="AU40">
            <v>44105</v>
          </cell>
          <cell r="AV40">
            <v>45930</v>
          </cell>
        </row>
        <row r="41">
          <cell r="AJ41">
            <v>40</v>
          </cell>
          <cell r="AK41">
            <v>40</v>
          </cell>
          <cell r="AN41" t="str">
            <v>㈱河合建設</v>
          </cell>
          <cell r="AO41" t="str">
            <v>加西市北条町古坂2丁目30</v>
          </cell>
          <cell r="AP41">
            <v>6752303</v>
          </cell>
        </row>
        <row r="42">
          <cell r="AJ42">
            <v>41</v>
          </cell>
          <cell r="AK42">
            <v>42</v>
          </cell>
          <cell r="AN42" t="str">
            <v>藤城住設㈱</v>
          </cell>
          <cell r="AO42" t="str">
            <v>加西市上宮木町115・116-3</v>
          </cell>
          <cell r="AP42">
            <v>6752104</v>
          </cell>
          <cell r="AS42" t="str">
            <v>藤城住設株式会社</v>
          </cell>
          <cell r="AT42" t="str">
            <v>藤城博明</v>
          </cell>
          <cell r="AU42">
            <v>44105</v>
          </cell>
          <cell r="AV42">
            <v>45930</v>
          </cell>
        </row>
        <row r="43">
          <cell r="AJ43">
            <v>42</v>
          </cell>
          <cell r="AK43">
            <v>43</v>
          </cell>
          <cell r="AN43" t="str">
            <v>ナカムラ電設㈱</v>
          </cell>
          <cell r="AO43" t="str">
            <v>加西市上宮木町387-27</v>
          </cell>
          <cell r="AP43">
            <v>6752104</v>
          </cell>
          <cell r="AS43" t="str">
            <v>ナカムラ電設株式会社</v>
          </cell>
          <cell r="AT43" t="str">
            <v>中村　茂</v>
          </cell>
          <cell r="AU43">
            <v>44105</v>
          </cell>
          <cell r="AV43">
            <v>45930</v>
          </cell>
        </row>
        <row r="44">
          <cell r="AJ44">
            <v>43</v>
          </cell>
          <cell r="AK44">
            <v>44</v>
          </cell>
          <cell r="AN44" t="str">
            <v>末廣電気商会</v>
          </cell>
          <cell r="AO44" t="str">
            <v>加西市鴨谷町855-1</v>
          </cell>
          <cell r="AP44">
            <v>6752444</v>
          </cell>
          <cell r="AS44" t="str">
            <v>末廣電気商会</v>
          </cell>
          <cell r="AT44" t="str">
            <v>末廣昌義</v>
          </cell>
          <cell r="AU44">
            <v>44105</v>
          </cell>
          <cell r="AV44">
            <v>45930</v>
          </cell>
        </row>
        <row r="45">
          <cell r="AJ45">
            <v>44</v>
          </cell>
          <cell r="AK45">
            <v>45</v>
          </cell>
          <cell r="AN45" t="str">
            <v>垣内電気</v>
          </cell>
          <cell r="AO45" t="str">
            <v>加西市谷町542-2</v>
          </cell>
          <cell r="AP45">
            <v>6752361</v>
          </cell>
        </row>
        <row r="46">
          <cell r="AJ46">
            <v>45</v>
          </cell>
          <cell r="AK46">
            <v>46</v>
          </cell>
          <cell r="AN46" t="str">
            <v>㈲阿部設備</v>
          </cell>
          <cell r="AO46" t="str">
            <v>加西市西野々町203-3</v>
          </cell>
          <cell r="AP46">
            <v>6752426</v>
          </cell>
          <cell r="AS46" t="str">
            <v>有限会社阿部設備</v>
          </cell>
          <cell r="AT46" t="str">
            <v>阿部　学</v>
          </cell>
          <cell r="AU46">
            <v>44105</v>
          </cell>
          <cell r="AV46">
            <v>45930</v>
          </cell>
        </row>
        <row r="47">
          <cell r="AJ47">
            <v>46</v>
          </cell>
          <cell r="AK47">
            <v>47</v>
          </cell>
          <cell r="AN47" t="str">
            <v>㈲松尾電気</v>
          </cell>
          <cell r="AO47" t="str">
            <v>加西市北条町東高室706-1</v>
          </cell>
          <cell r="AP47">
            <v>6752321</v>
          </cell>
          <cell r="AS47" t="str">
            <v>有限会社松尾電気</v>
          </cell>
          <cell r="AT47" t="str">
            <v>松尾兵吾</v>
          </cell>
          <cell r="AU47">
            <v>44105</v>
          </cell>
          <cell r="AV47">
            <v>45930</v>
          </cell>
        </row>
        <row r="48">
          <cell r="AJ48">
            <v>47</v>
          </cell>
          <cell r="AK48">
            <v>48</v>
          </cell>
          <cell r="AN48" t="str">
            <v>ヴァースト</v>
          </cell>
          <cell r="AO48" t="str">
            <v>加西市北条町黒駒313-4</v>
          </cell>
          <cell r="AP48">
            <v>6752313</v>
          </cell>
          <cell r="AS48" t="str">
            <v>ヴァースト</v>
          </cell>
          <cell r="AT48" t="str">
            <v>柳　辰彦</v>
          </cell>
          <cell r="AU48">
            <v>44105</v>
          </cell>
          <cell r="AV48">
            <v>45930</v>
          </cell>
        </row>
        <row r="49">
          <cell r="AJ49">
            <v>48</v>
          </cell>
          <cell r="AK49">
            <v>49</v>
          </cell>
          <cell r="AN49" t="str">
            <v>加西電子工業㈱</v>
          </cell>
          <cell r="AO49" t="str">
            <v>加西市鶉野町46-57</v>
          </cell>
          <cell r="AP49">
            <v>6752103</v>
          </cell>
        </row>
        <row r="50">
          <cell r="AJ50">
            <v>49</v>
          </cell>
          <cell r="AK50">
            <v>50</v>
          </cell>
          <cell r="AN50" t="str">
            <v>ｼﾃｨ-ﾗｲﾌﾀｶﾉ</v>
          </cell>
          <cell r="AO50" t="str">
            <v>加西市国正町780-1</v>
          </cell>
          <cell r="AP50">
            <v>6752401</v>
          </cell>
        </row>
        <row r="51">
          <cell r="AJ51">
            <v>50</v>
          </cell>
          <cell r="AK51">
            <v>51</v>
          </cell>
          <cell r="AN51" t="str">
            <v>㈱竹内工業所</v>
          </cell>
          <cell r="AO51" t="str">
            <v>西脇市高松町633-42</v>
          </cell>
          <cell r="AP51">
            <v>6770055</v>
          </cell>
          <cell r="AS51" t="str">
            <v>株式会社竹内工業所</v>
          </cell>
          <cell r="AT51" t="str">
            <v>竹内謙太郎</v>
          </cell>
          <cell r="AU51">
            <v>44105</v>
          </cell>
          <cell r="AV51">
            <v>45930</v>
          </cell>
        </row>
        <row r="52">
          <cell r="AJ52">
            <v>51</v>
          </cell>
          <cell r="AK52">
            <v>52</v>
          </cell>
          <cell r="AN52" t="str">
            <v>ミヤマデンキ加西</v>
          </cell>
          <cell r="AO52" t="str">
            <v>加西市豊倉町504-1</v>
          </cell>
          <cell r="AP52">
            <v>6790106</v>
          </cell>
          <cell r="AS52" t="str">
            <v>ミヤマデンキ加西</v>
          </cell>
          <cell r="AT52" t="str">
            <v>岩本幸雄</v>
          </cell>
          <cell r="AU52">
            <v>44105</v>
          </cell>
          <cell r="AV52">
            <v>45930</v>
          </cell>
        </row>
        <row r="53">
          <cell r="AJ53">
            <v>52</v>
          </cell>
          <cell r="AK53">
            <v>53</v>
          </cell>
          <cell r="AN53" t="str">
            <v>高電商会</v>
          </cell>
          <cell r="AO53" t="str">
            <v>加西市北条町西高室447</v>
          </cell>
          <cell r="AP53">
            <v>6752322</v>
          </cell>
          <cell r="AS53" t="str">
            <v>高電商会</v>
          </cell>
          <cell r="AT53" t="str">
            <v>高橋保雄</v>
          </cell>
          <cell r="AU53">
            <v>44105</v>
          </cell>
          <cell r="AV53">
            <v>45930</v>
          </cell>
        </row>
        <row r="54">
          <cell r="AJ54">
            <v>53</v>
          </cell>
          <cell r="AK54">
            <v>54</v>
          </cell>
          <cell r="AN54" t="str">
            <v>アサダ工業㈱</v>
          </cell>
          <cell r="AO54" t="str">
            <v>加西市繁昌町227-1</v>
          </cell>
          <cell r="AP54">
            <v>6752101</v>
          </cell>
          <cell r="AS54" t="str">
            <v>アサダ工業株式会社</v>
          </cell>
          <cell r="AT54" t="str">
            <v>浅田享兵</v>
          </cell>
          <cell r="AU54">
            <v>44105</v>
          </cell>
          <cell r="AV54">
            <v>45930</v>
          </cell>
        </row>
        <row r="55">
          <cell r="AJ55">
            <v>54</v>
          </cell>
          <cell r="AK55">
            <v>55</v>
          </cell>
          <cell r="AN55" t="str">
            <v>オカベ設備</v>
          </cell>
          <cell r="AO55" t="str">
            <v>加西市山下町276-1</v>
          </cell>
          <cell r="AP55">
            <v>6752354</v>
          </cell>
        </row>
        <row r="56">
          <cell r="AJ56">
            <v>55</v>
          </cell>
          <cell r="AK56">
            <v>56</v>
          </cell>
          <cell r="AN56" t="str">
            <v>三木設備工業</v>
          </cell>
          <cell r="AO56" t="str">
            <v>姫路市網干区坂上434-2</v>
          </cell>
        </row>
        <row r="57">
          <cell r="AJ57">
            <v>56</v>
          </cell>
          <cell r="AK57">
            <v>57</v>
          </cell>
          <cell r="AN57" t="str">
            <v>高部電気</v>
          </cell>
          <cell r="AO57" t="str">
            <v>加西市北条町古坂1237</v>
          </cell>
          <cell r="AP57">
            <v>6752303</v>
          </cell>
        </row>
        <row r="58">
          <cell r="AJ58">
            <v>57</v>
          </cell>
          <cell r="AK58">
            <v>58</v>
          </cell>
          <cell r="AN58" t="str">
            <v>高橋電気</v>
          </cell>
          <cell r="AO58" t="str">
            <v>加西市北条町北条1247-4</v>
          </cell>
          <cell r="AP58">
            <v>6752312</v>
          </cell>
          <cell r="AS58" t="str">
            <v>高橋電気</v>
          </cell>
          <cell r="AT58" t="str">
            <v>高橋永一</v>
          </cell>
          <cell r="AU58">
            <v>44105</v>
          </cell>
          <cell r="AV58">
            <v>45930</v>
          </cell>
        </row>
        <row r="59">
          <cell r="AJ59">
            <v>58</v>
          </cell>
          <cell r="AK59">
            <v>59</v>
          </cell>
          <cell r="AN59" t="str">
            <v>クマクラ電機㈱</v>
          </cell>
          <cell r="AO59" t="str">
            <v>加西市北条町東高室74</v>
          </cell>
          <cell r="AP59">
            <v>6752321</v>
          </cell>
          <cell r="AS59" t="str">
            <v>クマクラ電機株式会社</v>
          </cell>
          <cell r="AT59" t="str">
            <v>熊倉敏貴</v>
          </cell>
          <cell r="AU59">
            <v>44105</v>
          </cell>
          <cell r="AV59">
            <v>45930</v>
          </cell>
        </row>
        <row r="60">
          <cell r="AJ60">
            <v>59</v>
          </cell>
          <cell r="AK60">
            <v>60</v>
          </cell>
          <cell r="AN60" t="str">
            <v>㈱まえだでんき</v>
          </cell>
          <cell r="AO60" t="str">
            <v>加西市北条町横尾1079-2</v>
          </cell>
          <cell r="AP60">
            <v>6752311</v>
          </cell>
          <cell r="AS60" t="str">
            <v>株式会社まえだでんき</v>
          </cell>
          <cell r="AT60" t="str">
            <v>前田俊明</v>
          </cell>
          <cell r="AU60">
            <v>44105</v>
          </cell>
          <cell r="AV60">
            <v>45930</v>
          </cell>
        </row>
        <row r="61">
          <cell r="AJ61">
            <v>60</v>
          </cell>
          <cell r="AK61">
            <v>61</v>
          </cell>
          <cell r="AN61" t="str">
            <v>ｺｶﾄﾞ電気設備工事</v>
          </cell>
          <cell r="AO61" t="str">
            <v>加西市西横田町738-2</v>
          </cell>
          <cell r="AP61">
            <v>6752335</v>
          </cell>
        </row>
        <row r="62">
          <cell r="AJ62">
            <v>61</v>
          </cell>
          <cell r="AK62">
            <v>62</v>
          </cell>
          <cell r="AN62" t="str">
            <v>上田住設</v>
          </cell>
          <cell r="AO62" t="str">
            <v>加西市上若井町2632</v>
          </cell>
          <cell r="AP62">
            <v>6750000</v>
          </cell>
          <cell r="AS62" t="str">
            <v>上田住設</v>
          </cell>
          <cell r="AT62" t="str">
            <v>上田忠実</v>
          </cell>
          <cell r="AU62">
            <v>44105</v>
          </cell>
          <cell r="AV62">
            <v>45930</v>
          </cell>
        </row>
        <row r="63">
          <cell r="AJ63">
            <v>62</v>
          </cell>
          <cell r="AK63">
            <v>63</v>
          </cell>
          <cell r="AN63" t="str">
            <v>㈱ダイセン</v>
          </cell>
          <cell r="AO63" t="str">
            <v>加西市段下町60-13</v>
          </cell>
          <cell r="AP63">
            <v>6752241</v>
          </cell>
          <cell r="AS63" t="str">
            <v>株式会社ダイセン</v>
          </cell>
          <cell r="AT63" t="str">
            <v>塚前孝文</v>
          </cell>
          <cell r="AU63">
            <v>44105</v>
          </cell>
          <cell r="AV63">
            <v>45930</v>
          </cell>
        </row>
        <row r="64">
          <cell r="AJ64">
            <v>63</v>
          </cell>
          <cell r="AK64">
            <v>64</v>
          </cell>
          <cell r="AN64" t="str">
            <v>㈲ﾗｲｽﾞｺｰﾎﾟﾚｰｼｮﾝ</v>
          </cell>
          <cell r="AO64" t="str">
            <v>加西市段下町45-1</v>
          </cell>
          <cell r="AP64">
            <v>6752241</v>
          </cell>
        </row>
        <row r="65">
          <cell r="AJ65">
            <v>64</v>
          </cell>
          <cell r="AK65">
            <v>65</v>
          </cell>
          <cell r="AN65" t="str">
            <v>㈱ミコー総合開発</v>
          </cell>
          <cell r="AO65" t="str">
            <v>加西市鶉野町2190-1</v>
          </cell>
          <cell r="AP65">
            <v>6752103</v>
          </cell>
          <cell r="AS65" t="str">
            <v>株式会社ミコー総合開発</v>
          </cell>
          <cell r="AT65" t="str">
            <v>森村広幸</v>
          </cell>
          <cell r="AU65">
            <v>44105</v>
          </cell>
          <cell r="AV65">
            <v>45930</v>
          </cell>
        </row>
        <row r="66">
          <cell r="AJ66">
            <v>65</v>
          </cell>
          <cell r="AK66">
            <v>66</v>
          </cell>
          <cell r="AN66" t="str">
            <v>ハリマ設備工業㈱</v>
          </cell>
          <cell r="AO66" t="str">
            <v>姫路市網干区大江島101</v>
          </cell>
          <cell r="AP66">
            <v>6711231</v>
          </cell>
          <cell r="AS66" t="str">
            <v>ハリマ設備工業株式会社</v>
          </cell>
          <cell r="AT66" t="str">
            <v>山中賢作</v>
          </cell>
          <cell r="AU66">
            <v>44105</v>
          </cell>
          <cell r="AV66">
            <v>45930</v>
          </cell>
        </row>
        <row r="67">
          <cell r="AJ67">
            <v>66</v>
          </cell>
          <cell r="AK67">
            <v>67</v>
          </cell>
          <cell r="AN67" t="str">
            <v>㈲徳岡興産</v>
          </cell>
          <cell r="AO67" t="str">
            <v>加古川市神野町福留1丁目63番地</v>
          </cell>
          <cell r="AP67">
            <v>6750004</v>
          </cell>
          <cell r="AS67" t="str">
            <v>有限会社徳岡興産</v>
          </cell>
          <cell r="AT67" t="str">
            <v>徳岡雄司</v>
          </cell>
          <cell r="AU67">
            <v>44105</v>
          </cell>
          <cell r="AV67">
            <v>45930</v>
          </cell>
        </row>
        <row r="68">
          <cell r="AJ68">
            <v>67</v>
          </cell>
          <cell r="AK68">
            <v>68</v>
          </cell>
          <cell r="AN68" t="str">
            <v>蔵前商事㈱</v>
          </cell>
          <cell r="AO68" t="str">
            <v>加東市河高2467</v>
          </cell>
          <cell r="AP68">
            <v>6790221</v>
          </cell>
          <cell r="AS68" t="str">
            <v>蔵前商事株式会社</v>
          </cell>
          <cell r="AT68" t="str">
            <v>蔵前清一</v>
          </cell>
          <cell r="AU68">
            <v>44105</v>
          </cell>
          <cell r="AV68">
            <v>45930</v>
          </cell>
        </row>
        <row r="69">
          <cell r="AJ69">
            <v>68</v>
          </cell>
          <cell r="AK69">
            <v>69</v>
          </cell>
          <cell r="AN69" t="str">
            <v>㈲明環</v>
          </cell>
          <cell r="AO69" t="str">
            <v>高砂市伊保1丁目2-26</v>
          </cell>
          <cell r="AP69">
            <v>6760078</v>
          </cell>
          <cell r="AS69" t="str">
            <v>有限会社明環</v>
          </cell>
          <cell r="AT69" t="str">
            <v>田口圭介</v>
          </cell>
          <cell r="AU69">
            <v>44105</v>
          </cell>
          <cell r="AV69">
            <v>45930</v>
          </cell>
        </row>
        <row r="70">
          <cell r="AJ70">
            <v>69</v>
          </cell>
          <cell r="AK70">
            <v>70</v>
          </cell>
          <cell r="AN70" t="str">
            <v>安田水道工業所</v>
          </cell>
          <cell r="AO70" t="str">
            <v>姫路市広畑区本町2-14</v>
          </cell>
          <cell r="AP70">
            <v>6711114</v>
          </cell>
        </row>
        <row r="71">
          <cell r="AJ71">
            <v>70</v>
          </cell>
          <cell r="AK71">
            <v>71</v>
          </cell>
          <cell r="AN71" t="str">
            <v>㈱原工務店</v>
          </cell>
          <cell r="AO71" t="str">
            <v>姫路市飾磨区中浜町3丁目190</v>
          </cell>
          <cell r="AP71">
            <v>6728085</v>
          </cell>
        </row>
        <row r="72">
          <cell r="AJ72">
            <v>71</v>
          </cell>
          <cell r="AK72">
            <v>72</v>
          </cell>
          <cell r="AN72" t="str">
            <v>㈱SIC</v>
          </cell>
          <cell r="AO72" t="str">
            <v>加古川市加古川町備後335</v>
          </cell>
          <cell r="AP72">
            <v>6750032</v>
          </cell>
          <cell r="AS72" t="str">
            <v>株式会社SIC</v>
          </cell>
          <cell r="AT72" t="str">
            <v>芝本忠雄</v>
          </cell>
          <cell r="AU72">
            <v>44105</v>
          </cell>
          <cell r="AV72">
            <v>45930</v>
          </cell>
        </row>
        <row r="73">
          <cell r="AJ73">
            <v>72</v>
          </cell>
          <cell r="AK73">
            <v>73</v>
          </cell>
          <cell r="AN73" t="str">
            <v>㈲戸田設備</v>
          </cell>
          <cell r="AO73" t="str">
            <v>姫路市上手野171</v>
          </cell>
          <cell r="AP73">
            <v>6700065</v>
          </cell>
        </row>
        <row r="74">
          <cell r="AJ74">
            <v>73</v>
          </cell>
          <cell r="AK74">
            <v>74</v>
          </cell>
          <cell r="AN74" t="str">
            <v>㈱ウノ</v>
          </cell>
          <cell r="AO74" t="str">
            <v>西脇市西田町261-1</v>
          </cell>
          <cell r="AP74">
            <v>6770003</v>
          </cell>
          <cell r="AS74" t="str">
            <v>株式会社ウノ</v>
          </cell>
          <cell r="AT74" t="str">
            <v>宇野健志</v>
          </cell>
          <cell r="AU74">
            <v>44105</v>
          </cell>
          <cell r="AV74">
            <v>45930</v>
          </cell>
        </row>
        <row r="75">
          <cell r="AJ75">
            <v>74</v>
          </cell>
          <cell r="AK75">
            <v>75</v>
          </cell>
          <cell r="AN75" t="str">
            <v>三木商事㈱</v>
          </cell>
          <cell r="AO75" t="str">
            <v>姫路市木場十八反町27</v>
          </cell>
          <cell r="AP75">
            <v>6728017</v>
          </cell>
          <cell r="AS75" t="str">
            <v>三木商事株式会社</v>
          </cell>
          <cell r="AT75" t="str">
            <v>三木篤幸</v>
          </cell>
          <cell r="AU75">
            <v>44105</v>
          </cell>
          <cell r="AV75">
            <v>45930</v>
          </cell>
        </row>
        <row r="76">
          <cell r="AJ76">
            <v>75</v>
          </cell>
          <cell r="AK76">
            <v>76</v>
          </cell>
          <cell r="AN76" t="str">
            <v>㈲前川土木工業</v>
          </cell>
          <cell r="AO76" t="str">
            <v>神崎郡市川町小谷204</v>
          </cell>
          <cell r="AP76">
            <v>6792322</v>
          </cell>
        </row>
        <row r="77">
          <cell r="AJ77">
            <v>76</v>
          </cell>
          <cell r="AK77">
            <v>77</v>
          </cell>
          <cell r="AN77" t="str">
            <v>共栄住宅設備工業㈱</v>
          </cell>
          <cell r="AO77" t="str">
            <v>加東市下滝野220</v>
          </cell>
          <cell r="AP77">
            <v>6790212</v>
          </cell>
          <cell r="AS77" t="str">
            <v>共栄住宅設備工業株式会社</v>
          </cell>
          <cell r="AT77" t="str">
            <v>松岡　勝也</v>
          </cell>
          <cell r="AU77">
            <v>44105</v>
          </cell>
          <cell r="AV77">
            <v>45930</v>
          </cell>
        </row>
        <row r="78">
          <cell r="AJ78">
            <v>77</v>
          </cell>
          <cell r="AK78">
            <v>78</v>
          </cell>
          <cell r="AN78" t="str">
            <v>旭設備㈱</v>
          </cell>
          <cell r="AO78" t="str">
            <v>西脇市和布町190-29</v>
          </cell>
          <cell r="AP78">
            <v>6770053</v>
          </cell>
          <cell r="AS78" t="str">
            <v>旭設備株式会社</v>
          </cell>
          <cell r="AT78" t="str">
            <v>藤本　泉</v>
          </cell>
          <cell r="AU78">
            <v>44105</v>
          </cell>
          <cell r="AV78">
            <v>45930</v>
          </cell>
        </row>
        <row r="79">
          <cell r="AJ79">
            <v>78</v>
          </cell>
          <cell r="AK79">
            <v>79</v>
          </cell>
          <cell r="AN79" t="str">
            <v>㈱櫻井水設</v>
          </cell>
          <cell r="AO79" t="str">
            <v>加古川市米田町平津671番地の15</v>
          </cell>
          <cell r="AP79">
            <v>6750054</v>
          </cell>
          <cell r="AS79" t="str">
            <v>株式会社櫻井水設</v>
          </cell>
          <cell r="AT79" t="str">
            <v>櫻井貞明</v>
          </cell>
          <cell r="AU79">
            <v>44105</v>
          </cell>
          <cell r="AV79">
            <v>45930</v>
          </cell>
        </row>
        <row r="80">
          <cell r="AJ80">
            <v>79</v>
          </cell>
          <cell r="AK80">
            <v>80</v>
          </cell>
          <cell r="AN80" t="str">
            <v>伸心住設</v>
          </cell>
          <cell r="AO80" t="str">
            <v>姫路市野里14-8</v>
          </cell>
          <cell r="AP80">
            <v>6700811</v>
          </cell>
          <cell r="AS80" t="str">
            <v>伸心住設</v>
          </cell>
          <cell r="AT80" t="str">
            <v>中川康弘</v>
          </cell>
          <cell r="AU80">
            <v>44105</v>
          </cell>
          <cell r="AV80">
            <v>45930</v>
          </cell>
        </row>
        <row r="81">
          <cell r="AJ81">
            <v>80</v>
          </cell>
          <cell r="AK81">
            <v>81</v>
          </cell>
          <cell r="AN81" t="str">
            <v>田染設備工業㈱</v>
          </cell>
          <cell r="AO81" t="str">
            <v>姫路市船橋町4丁目3-17</v>
          </cell>
          <cell r="AP81">
            <v>6700048</v>
          </cell>
        </row>
        <row r="82">
          <cell r="AJ82">
            <v>81</v>
          </cell>
          <cell r="AK82">
            <v>82</v>
          </cell>
          <cell r="AN82" t="str">
            <v>㈱藤原住設</v>
          </cell>
          <cell r="AO82" t="str">
            <v>加東市天神字川ノ上139-1</v>
          </cell>
          <cell r="AP82">
            <v>6731311</v>
          </cell>
        </row>
        <row r="83">
          <cell r="AJ83">
            <v>82</v>
          </cell>
          <cell r="AK83">
            <v>83</v>
          </cell>
          <cell r="AN83" t="str">
            <v>㈱西村電気工事</v>
          </cell>
          <cell r="AO83" t="str">
            <v>加西市北条町西南377</v>
          </cell>
          <cell r="AP83">
            <v>6752323</v>
          </cell>
          <cell r="AS83" t="str">
            <v>株株式会社西村電気工事</v>
          </cell>
          <cell r="AT83" t="str">
            <v>西村昌也</v>
          </cell>
          <cell r="AU83">
            <v>44105</v>
          </cell>
          <cell r="AV83">
            <v>45930</v>
          </cell>
        </row>
        <row r="84">
          <cell r="AJ84">
            <v>83</v>
          </cell>
          <cell r="AK84">
            <v>84</v>
          </cell>
          <cell r="AN84" t="str">
            <v>㈱小田工務店</v>
          </cell>
          <cell r="AO84" t="str">
            <v>加西市鴨谷町1155</v>
          </cell>
          <cell r="AP84">
            <v>6752444</v>
          </cell>
        </row>
        <row r="85">
          <cell r="AJ85">
            <v>84</v>
          </cell>
          <cell r="AK85">
            <v>85</v>
          </cell>
          <cell r="AN85" t="str">
            <v>大宏建設㈱</v>
          </cell>
          <cell r="AO85" t="str">
            <v>加西市福住町13-1</v>
          </cell>
        </row>
        <row r="86">
          <cell r="AJ86">
            <v>85</v>
          </cell>
          <cell r="AK86">
            <v>86</v>
          </cell>
          <cell r="AN86" t="str">
            <v>キンシ電機</v>
          </cell>
          <cell r="AO86" t="str">
            <v>加西市中富町1298</v>
          </cell>
          <cell r="AP86">
            <v>6752442</v>
          </cell>
          <cell r="AS86" t="str">
            <v>キンシ電機</v>
          </cell>
          <cell r="AT86" t="str">
            <v>金志重夫</v>
          </cell>
          <cell r="AU86">
            <v>44105</v>
          </cell>
          <cell r="AV86">
            <v>45930</v>
          </cell>
        </row>
        <row r="87">
          <cell r="AJ87">
            <v>86</v>
          </cell>
          <cell r="AK87">
            <v>87</v>
          </cell>
          <cell r="AN87" t="str">
            <v>小谷設備工業㈱</v>
          </cell>
          <cell r="AO87" t="str">
            <v>神戸市北区鈴蘭台南町7丁目13-1</v>
          </cell>
          <cell r="AP87">
            <v>6511113</v>
          </cell>
        </row>
        <row r="88">
          <cell r="AJ88">
            <v>87</v>
          </cell>
          <cell r="AK88">
            <v>88</v>
          </cell>
          <cell r="AN88" t="str">
            <v>小芦建設㈱</v>
          </cell>
          <cell r="AO88" t="str">
            <v>加西市中富町932-4</v>
          </cell>
          <cell r="AP88">
            <v>6752442</v>
          </cell>
          <cell r="AS88" t="str">
            <v>小芦建設株式会社</v>
          </cell>
          <cell r="AT88" t="str">
            <v>小芦孝彦</v>
          </cell>
          <cell r="AU88">
            <v>44105</v>
          </cell>
          <cell r="AV88">
            <v>45930</v>
          </cell>
        </row>
        <row r="89">
          <cell r="AJ89">
            <v>88</v>
          </cell>
          <cell r="AK89">
            <v>89</v>
          </cell>
          <cell r="AN89" t="str">
            <v>岡田電気商会</v>
          </cell>
          <cell r="AO89" t="str">
            <v>加西市青野町345</v>
          </cell>
          <cell r="AP89">
            <v>6752413</v>
          </cell>
          <cell r="AS89" t="str">
            <v>岡田電気商会</v>
          </cell>
          <cell r="AT89" t="str">
            <v>岡田和哉</v>
          </cell>
          <cell r="AU89">
            <v>44105</v>
          </cell>
          <cell r="AV89">
            <v>45930</v>
          </cell>
        </row>
        <row r="90">
          <cell r="AJ90">
            <v>89</v>
          </cell>
          <cell r="AK90">
            <v>90</v>
          </cell>
          <cell r="AN90" t="str">
            <v>堀江電機</v>
          </cell>
          <cell r="AO90" t="str">
            <v>加西市上野町415-1</v>
          </cell>
          <cell r="AP90">
            <v>6752434</v>
          </cell>
          <cell r="AS90" t="str">
            <v>堀江電機</v>
          </cell>
          <cell r="AT90" t="str">
            <v>堀江圭一</v>
          </cell>
          <cell r="AU90">
            <v>44105</v>
          </cell>
          <cell r="AV90">
            <v>45930</v>
          </cell>
        </row>
        <row r="91">
          <cell r="AJ91">
            <v>90</v>
          </cell>
          <cell r="AK91">
            <v>91</v>
          </cell>
          <cell r="AN91" t="str">
            <v>竹内電気㈱</v>
          </cell>
          <cell r="AO91" t="str">
            <v>加西市上道山町34-3，35-3</v>
          </cell>
          <cell r="AP91">
            <v>6752453</v>
          </cell>
          <cell r="AS91" t="str">
            <v>竹内電気株式会社</v>
          </cell>
          <cell r="AT91" t="str">
            <v>竹内克彦</v>
          </cell>
          <cell r="AU91">
            <v>44105</v>
          </cell>
          <cell r="AV91">
            <v>45930</v>
          </cell>
        </row>
        <row r="92">
          <cell r="AJ92">
            <v>91</v>
          </cell>
          <cell r="AK92">
            <v>92</v>
          </cell>
          <cell r="AN92" t="str">
            <v>㈲フクエイハウス</v>
          </cell>
          <cell r="AO92" t="str">
            <v>加西市福居町11</v>
          </cell>
          <cell r="AP92">
            <v>6752351</v>
          </cell>
        </row>
        <row r="93">
          <cell r="AJ93">
            <v>92</v>
          </cell>
          <cell r="AK93">
            <v>93</v>
          </cell>
          <cell r="AN93" t="str">
            <v>建部工業㈱</v>
          </cell>
          <cell r="AO93" t="str">
            <v>加古川市別府町新野辺新堀通1274-1</v>
          </cell>
          <cell r="AP93">
            <v>6750131</v>
          </cell>
        </row>
        <row r="94">
          <cell r="AJ94">
            <v>93</v>
          </cell>
          <cell r="AK94">
            <v>125</v>
          </cell>
          <cell r="AN94" t="str">
            <v>㈲キヌガサ設備工業</v>
          </cell>
          <cell r="AO94" t="str">
            <v>加西市尾崎町411-2</v>
          </cell>
          <cell r="AP94">
            <v>6752242</v>
          </cell>
          <cell r="AS94" t="str">
            <v>有限会社キヌガサ設備工業</v>
          </cell>
          <cell r="AT94" t="str">
            <v>衣笠裕一</v>
          </cell>
          <cell r="AU94">
            <v>44105</v>
          </cell>
          <cell r="AV94">
            <v>45930</v>
          </cell>
        </row>
      </sheetData>
      <sheetData sheetId="1" refreshError="1"/>
      <sheetData sheetId="2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問い合わせ先（携帯）"/>
      <sheetName val="50音順(登録店のみ）"/>
      <sheetName val="番号順(廃止・未更新店含む)"/>
      <sheetName val="地区別（現時点）"/>
      <sheetName val="ネット用地区別 (R8.7.1付) "/>
      <sheetName val="ネット用地区別 (R7.10.1付け)"/>
      <sheetName val="指定工事業者名主任技術者名簿"/>
      <sheetName val="指定工事店証"/>
      <sheetName val="公表用"/>
      <sheetName val="R7～確認事項様式変更"/>
      <sheetName val="(注）非公表部分あり（提出書類の原本内容）"/>
      <sheetName val="公表（地区別）"/>
      <sheetName val="※元(注）非公表部分あり（提出書類の原本）"/>
      <sheetName val="※元　公表OK地区別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>
        <row r="2">
          <cell r="G2" t="str">
            <v>登録№</v>
          </cell>
          <cell r="I2" t="str">
            <v>指定店名</v>
          </cell>
          <cell r="J2" t="str">
            <v>所在地1</v>
          </cell>
          <cell r="K2" t="str">
            <v>所在地2</v>
          </cell>
          <cell r="L2" t="str">
            <v>代表者名</v>
          </cell>
          <cell r="M2" t="str">
            <v>電話番号</v>
          </cell>
          <cell r="N2" t="str">
            <v>指定年月日</v>
          </cell>
          <cell r="O2" t="str">
            <v>有効期限①</v>
          </cell>
          <cell r="P2" t="str">
            <v>有効期限②</v>
          </cell>
          <cell r="Q2" t="str">
            <v>有効期限③</v>
          </cell>
        </row>
        <row r="3">
          <cell r="G3">
            <v>1</v>
          </cell>
          <cell r="I3" t="str">
            <v>山本電機水道</v>
          </cell>
          <cell r="J3" t="str">
            <v>加西市</v>
          </cell>
          <cell r="K3" t="str">
            <v>北条町横尾690</v>
          </cell>
          <cell r="L3" t="str">
            <v>山本壮一</v>
          </cell>
          <cell r="M3" t="str">
            <v>42-0327</v>
          </cell>
          <cell r="N3">
            <v>35935</v>
          </cell>
          <cell r="O3">
            <v>44103</v>
          </cell>
        </row>
        <row r="4">
          <cell r="G4">
            <v>2</v>
          </cell>
          <cell r="H4" t="str">
            <v>㈱</v>
          </cell>
          <cell r="I4" t="str">
            <v>森本工業所</v>
          </cell>
          <cell r="J4" t="str">
            <v>加西市</v>
          </cell>
          <cell r="K4" t="str">
            <v>和泉町689-1</v>
          </cell>
          <cell r="L4" t="str">
            <v>森本秀道</v>
          </cell>
          <cell r="M4" t="str">
            <v>45-0058</v>
          </cell>
          <cell r="N4">
            <v>35935</v>
          </cell>
          <cell r="O4">
            <v>44103</v>
          </cell>
          <cell r="P4">
            <v>45930</v>
          </cell>
          <cell r="Q4">
            <v>47756</v>
          </cell>
        </row>
        <row r="5">
          <cell r="G5">
            <v>3</v>
          </cell>
          <cell r="I5" t="str">
            <v>松田ポンプ店</v>
          </cell>
          <cell r="J5" t="str">
            <v>加西市</v>
          </cell>
          <cell r="K5" t="str">
            <v>北条町北条141-12</v>
          </cell>
          <cell r="L5" t="str">
            <v>松田善博</v>
          </cell>
          <cell r="M5" t="str">
            <v>42-1104</v>
          </cell>
          <cell r="N5">
            <v>35935</v>
          </cell>
          <cell r="O5">
            <v>44103</v>
          </cell>
        </row>
        <row r="6">
          <cell r="G6">
            <v>4</v>
          </cell>
          <cell r="I6" t="str">
            <v>橋爪電機株式会社</v>
          </cell>
          <cell r="J6" t="str">
            <v>加西市</v>
          </cell>
          <cell r="K6" t="str">
            <v>中野町1635-5</v>
          </cell>
          <cell r="L6" t="str">
            <v>橋爪重憲</v>
          </cell>
          <cell r="M6" t="str">
            <v>49-0109</v>
          </cell>
          <cell r="N6">
            <v>35935</v>
          </cell>
          <cell r="O6">
            <v>44103</v>
          </cell>
          <cell r="P6">
            <v>45930</v>
          </cell>
          <cell r="Q6">
            <v>47756</v>
          </cell>
        </row>
        <row r="7">
          <cell r="G7">
            <v>5</v>
          </cell>
          <cell r="I7" t="str">
            <v>石野電気商会</v>
          </cell>
          <cell r="J7" t="str">
            <v>加西市</v>
          </cell>
          <cell r="K7" t="str">
            <v>西谷町9-1</v>
          </cell>
          <cell r="L7" t="str">
            <v>石野　太</v>
          </cell>
          <cell r="M7" t="str">
            <v>42-2181</v>
          </cell>
          <cell r="N7">
            <v>35935</v>
          </cell>
          <cell r="O7">
            <v>44103</v>
          </cell>
          <cell r="P7">
            <v>45930</v>
          </cell>
          <cell r="Q7">
            <v>47756</v>
          </cell>
        </row>
        <row r="8">
          <cell r="G8">
            <v>6</v>
          </cell>
          <cell r="I8" t="str">
            <v>吉位水道</v>
          </cell>
          <cell r="J8" t="str">
            <v>加西市</v>
          </cell>
          <cell r="K8" t="str">
            <v>北条町東高室28</v>
          </cell>
          <cell r="L8" t="str">
            <v>吉位　満博</v>
          </cell>
          <cell r="M8" t="str">
            <v>42-2606</v>
          </cell>
          <cell r="N8">
            <v>35935</v>
          </cell>
          <cell r="O8">
            <v>44103</v>
          </cell>
        </row>
        <row r="9">
          <cell r="G9">
            <v>7</v>
          </cell>
          <cell r="I9" t="str">
            <v>そごう電器㈱</v>
          </cell>
          <cell r="J9" t="str">
            <v>加西市</v>
          </cell>
          <cell r="K9" t="str">
            <v>北条町北条951</v>
          </cell>
          <cell r="L9" t="str">
            <v>十河利夫</v>
          </cell>
          <cell r="M9" t="str">
            <v>42-0235</v>
          </cell>
          <cell r="N9">
            <v>35935</v>
          </cell>
          <cell r="O9">
            <v>44103</v>
          </cell>
        </row>
        <row r="10">
          <cell r="G10">
            <v>8</v>
          </cell>
          <cell r="H10" t="str">
            <v>㈱</v>
          </cell>
          <cell r="I10" t="str">
            <v>前田電機水道所</v>
          </cell>
          <cell r="J10" t="str">
            <v>加西市</v>
          </cell>
          <cell r="K10" t="str">
            <v>西笠原町172-13</v>
          </cell>
          <cell r="L10" t="str">
            <v>前田秀信</v>
          </cell>
          <cell r="M10" t="str">
            <v>48-3015</v>
          </cell>
          <cell r="N10">
            <v>35935</v>
          </cell>
          <cell r="O10">
            <v>44103</v>
          </cell>
        </row>
        <row r="11">
          <cell r="G11">
            <v>9</v>
          </cell>
          <cell r="I11" t="str">
            <v>神田電化ハウス</v>
          </cell>
          <cell r="J11" t="str">
            <v>加西市</v>
          </cell>
          <cell r="K11" t="str">
            <v>殿原町276-3</v>
          </cell>
          <cell r="L11" t="str">
            <v>神田賢一</v>
          </cell>
          <cell r="M11" t="str">
            <v>44-0117</v>
          </cell>
          <cell r="N11">
            <v>35935</v>
          </cell>
          <cell r="O11">
            <v>44103</v>
          </cell>
          <cell r="P11">
            <v>45930</v>
          </cell>
          <cell r="Q11">
            <v>47756</v>
          </cell>
        </row>
        <row r="12">
          <cell r="G12">
            <v>10</v>
          </cell>
          <cell r="I12" t="str">
            <v>大興電気商会</v>
          </cell>
          <cell r="J12" t="str">
            <v>加西市</v>
          </cell>
          <cell r="K12" t="str">
            <v>王子町83-2</v>
          </cell>
          <cell r="L12" t="str">
            <v>前田茂喜</v>
          </cell>
          <cell r="M12" t="str">
            <v>48-2531</v>
          </cell>
          <cell r="N12">
            <v>35935</v>
          </cell>
          <cell r="O12">
            <v>44103</v>
          </cell>
        </row>
        <row r="13">
          <cell r="G13">
            <v>11</v>
          </cell>
          <cell r="I13" t="str">
            <v>アトム工業㈱</v>
          </cell>
          <cell r="J13" t="str">
            <v>加西市</v>
          </cell>
          <cell r="K13" t="str">
            <v>福居町352</v>
          </cell>
          <cell r="L13" t="str">
            <v>柏原文敏</v>
          </cell>
          <cell r="M13" t="str">
            <v>42-0088</v>
          </cell>
          <cell r="N13">
            <v>35935</v>
          </cell>
          <cell r="O13">
            <v>44103</v>
          </cell>
        </row>
        <row r="14">
          <cell r="G14">
            <v>12</v>
          </cell>
          <cell r="H14" t="str">
            <v>㈲</v>
          </cell>
          <cell r="I14" t="str">
            <v>ﾅｶｳ電化ｾﾝﾀｰ</v>
          </cell>
          <cell r="J14" t="str">
            <v>加西市</v>
          </cell>
          <cell r="K14" t="str">
            <v>北条町北条11-7</v>
          </cell>
          <cell r="L14" t="str">
            <v>中右義明</v>
          </cell>
          <cell r="M14" t="str">
            <v>42-0608</v>
          </cell>
          <cell r="N14">
            <v>35935</v>
          </cell>
          <cell r="O14">
            <v>44103</v>
          </cell>
          <cell r="P14">
            <v>45930</v>
          </cell>
          <cell r="Q14">
            <v>47756</v>
          </cell>
        </row>
        <row r="15">
          <cell r="G15">
            <v>13</v>
          </cell>
          <cell r="I15" t="str">
            <v>北条無線電機㈱</v>
          </cell>
          <cell r="J15" t="str">
            <v>加西市</v>
          </cell>
          <cell r="K15" t="str">
            <v>北条町北条912-3</v>
          </cell>
          <cell r="L15" t="str">
            <v>好井　浩</v>
          </cell>
          <cell r="M15" t="str">
            <v>42-1115</v>
          </cell>
          <cell r="N15">
            <v>35935</v>
          </cell>
          <cell r="O15">
            <v>44103</v>
          </cell>
        </row>
        <row r="16">
          <cell r="G16">
            <v>14</v>
          </cell>
          <cell r="I16" t="str">
            <v>桂電機㈱</v>
          </cell>
          <cell r="J16" t="str">
            <v>加西市</v>
          </cell>
          <cell r="K16" t="str">
            <v>北条町古坂1丁目77-1</v>
          </cell>
          <cell r="L16" t="str">
            <v>桂　宣秋</v>
          </cell>
          <cell r="M16" t="str">
            <v>42-0168</v>
          </cell>
          <cell r="N16">
            <v>35935</v>
          </cell>
          <cell r="O16">
            <v>44103</v>
          </cell>
        </row>
        <row r="17">
          <cell r="G17">
            <v>15</v>
          </cell>
          <cell r="I17" t="str">
            <v>冨嶋電建㈲</v>
          </cell>
          <cell r="J17" t="str">
            <v>加西市</v>
          </cell>
          <cell r="K17" t="str">
            <v>中野町53-4</v>
          </cell>
          <cell r="L17" t="str">
            <v>冨嶋善弘</v>
          </cell>
          <cell r="M17" t="str">
            <v>49-0570</v>
          </cell>
          <cell r="N17">
            <v>35935</v>
          </cell>
          <cell r="O17">
            <v>44103</v>
          </cell>
        </row>
        <row r="18">
          <cell r="G18">
            <v>16</v>
          </cell>
          <cell r="I18" t="str">
            <v>新生電機</v>
          </cell>
          <cell r="J18" t="str">
            <v>加西市</v>
          </cell>
          <cell r="K18" t="str">
            <v>北条町北条350-3</v>
          </cell>
          <cell r="L18" t="str">
            <v>廣田孝佳</v>
          </cell>
          <cell r="M18" t="str">
            <v>42-0729</v>
          </cell>
          <cell r="N18">
            <v>35935</v>
          </cell>
          <cell r="O18">
            <v>44103</v>
          </cell>
        </row>
        <row r="19">
          <cell r="G19">
            <v>17</v>
          </cell>
          <cell r="I19" t="str">
            <v>高井電気商会</v>
          </cell>
          <cell r="J19" t="str">
            <v>加西市</v>
          </cell>
          <cell r="K19" t="str">
            <v>北条町横尾56-1</v>
          </cell>
          <cell r="L19" t="str">
            <v>高井脩二</v>
          </cell>
          <cell r="M19" t="str">
            <v>42-2264</v>
          </cell>
          <cell r="N19">
            <v>35935</v>
          </cell>
          <cell r="O19">
            <v>44103</v>
          </cell>
        </row>
        <row r="20">
          <cell r="G20">
            <v>18</v>
          </cell>
          <cell r="I20" t="str">
            <v>岡本設備工業</v>
          </cell>
          <cell r="J20" t="str">
            <v>加西市</v>
          </cell>
          <cell r="K20" t="str">
            <v>北条町古坂1丁目155</v>
          </cell>
          <cell r="L20" t="str">
            <v>岡本邦三</v>
          </cell>
          <cell r="M20" t="str">
            <v>42-2214</v>
          </cell>
          <cell r="N20">
            <v>35935</v>
          </cell>
          <cell r="O20">
            <v>44103</v>
          </cell>
        </row>
        <row r="21">
          <cell r="G21">
            <v>19</v>
          </cell>
          <cell r="H21" t="str">
            <v>㈱</v>
          </cell>
          <cell r="I21" t="str">
            <v>北条設備工業</v>
          </cell>
          <cell r="J21" t="str">
            <v>加西市</v>
          </cell>
          <cell r="K21" t="str">
            <v>北条町黒駒301-4</v>
          </cell>
          <cell r="L21" t="str">
            <v>菅原　貢</v>
          </cell>
          <cell r="M21" t="str">
            <v>42-1316</v>
          </cell>
          <cell r="N21">
            <v>35935</v>
          </cell>
          <cell r="O21">
            <v>44103</v>
          </cell>
        </row>
        <row r="22">
          <cell r="G22">
            <v>20</v>
          </cell>
          <cell r="I22" t="str">
            <v>アート建設㈱</v>
          </cell>
          <cell r="J22" t="str">
            <v>加西市</v>
          </cell>
          <cell r="K22" t="str">
            <v>北条町古坂1047-1</v>
          </cell>
          <cell r="L22" t="str">
            <v>内藤定一</v>
          </cell>
          <cell r="M22" t="str">
            <v>42-3911</v>
          </cell>
          <cell r="N22">
            <v>35935</v>
          </cell>
          <cell r="O22">
            <v>44103</v>
          </cell>
        </row>
        <row r="23">
          <cell r="G23">
            <v>21</v>
          </cell>
          <cell r="I23" t="str">
            <v>浅見ｴﾝｼﾞﾆｱﾘﾝｸﾞ株式会社</v>
          </cell>
          <cell r="J23" t="str">
            <v>加西市</v>
          </cell>
          <cell r="K23" t="str">
            <v>三口町1265-1</v>
          </cell>
          <cell r="L23" t="str">
            <v>浅見克己</v>
          </cell>
          <cell r="M23" t="str">
            <v>48-2953</v>
          </cell>
          <cell r="N23">
            <v>35935</v>
          </cell>
          <cell r="O23">
            <v>44103</v>
          </cell>
          <cell r="P23">
            <v>45930</v>
          </cell>
          <cell r="Q23">
            <v>47756</v>
          </cell>
        </row>
        <row r="24">
          <cell r="G24">
            <v>22</v>
          </cell>
          <cell r="I24" t="str">
            <v>菅原設備有限会社</v>
          </cell>
          <cell r="J24" t="str">
            <v>加西市</v>
          </cell>
          <cell r="K24" t="str">
            <v>北条町黒駒292番地の2</v>
          </cell>
          <cell r="L24" t="str">
            <v>菅原洋一</v>
          </cell>
          <cell r="M24" t="str">
            <v>42-2738</v>
          </cell>
          <cell r="N24">
            <v>35935</v>
          </cell>
          <cell r="O24">
            <v>44103</v>
          </cell>
          <cell r="P24">
            <v>45930</v>
          </cell>
          <cell r="Q24">
            <v>47756</v>
          </cell>
        </row>
        <row r="25">
          <cell r="G25">
            <v>23</v>
          </cell>
          <cell r="H25" t="str">
            <v>㈲</v>
          </cell>
          <cell r="I25" t="str">
            <v>谷川設備</v>
          </cell>
          <cell r="J25" t="str">
            <v>加西市</v>
          </cell>
          <cell r="K25" t="str">
            <v>和泉町699</v>
          </cell>
          <cell r="L25" t="str">
            <v>谷川賢次</v>
          </cell>
          <cell r="M25" t="str">
            <v>45-2555</v>
          </cell>
          <cell r="N25">
            <v>35935</v>
          </cell>
          <cell r="O25">
            <v>44103</v>
          </cell>
          <cell r="P25">
            <v>45930</v>
          </cell>
          <cell r="Q25">
            <v>47756</v>
          </cell>
        </row>
        <row r="26">
          <cell r="G26">
            <v>24</v>
          </cell>
          <cell r="H26" t="str">
            <v>㈲</v>
          </cell>
          <cell r="I26" t="str">
            <v>朝盛設備工業</v>
          </cell>
          <cell r="J26" t="str">
            <v>加西市</v>
          </cell>
          <cell r="K26" t="str">
            <v>朝妻町575</v>
          </cell>
          <cell r="L26" t="str">
            <v>志方一晃</v>
          </cell>
          <cell r="M26" t="str">
            <v>47-0422</v>
          </cell>
          <cell r="N26">
            <v>35935</v>
          </cell>
          <cell r="O26">
            <v>44103</v>
          </cell>
        </row>
        <row r="27">
          <cell r="G27">
            <v>25</v>
          </cell>
          <cell r="H27" t="str">
            <v>㈲</v>
          </cell>
          <cell r="I27" t="str">
            <v>尾上工務店</v>
          </cell>
          <cell r="J27" t="str">
            <v>加西市</v>
          </cell>
          <cell r="K27" t="str">
            <v>西笠原町157</v>
          </cell>
          <cell r="L27" t="str">
            <v>尾上和彦</v>
          </cell>
          <cell r="M27" t="str">
            <v>48-2008</v>
          </cell>
          <cell r="N27">
            <v>35935</v>
          </cell>
          <cell r="O27">
            <v>44103</v>
          </cell>
        </row>
        <row r="28">
          <cell r="G28">
            <v>26</v>
          </cell>
          <cell r="I28" t="str">
            <v>コバヤシ工事</v>
          </cell>
          <cell r="J28" t="str">
            <v>加西市</v>
          </cell>
          <cell r="K28" t="str">
            <v>尾崎町439-17</v>
          </cell>
          <cell r="L28" t="str">
            <v>小林　豊</v>
          </cell>
          <cell r="M28" t="str">
            <v>48-4021</v>
          </cell>
          <cell r="N28">
            <v>35935</v>
          </cell>
          <cell r="O28">
            <v>44103</v>
          </cell>
        </row>
        <row r="29">
          <cell r="G29">
            <v>27</v>
          </cell>
          <cell r="I29" t="str">
            <v>内藤設備工業所</v>
          </cell>
          <cell r="J29" t="str">
            <v>加西市</v>
          </cell>
          <cell r="K29" t="str">
            <v>北条町横尾790</v>
          </cell>
          <cell r="L29" t="str">
            <v>内藤定信</v>
          </cell>
          <cell r="M29" t="str">
            <v>43-1295</v>
          </cell>
          <cell r="N29">
            <v>35935</v>
          </cell>
          <cell r="O29">
            <v>44103</v>
          </cell>
          <cell r="P29">
            <v>45930</v>
          </cell>
          <cell r="Q29">
            <v>47756</v>
          </cell>
        </row>
        <row r="30">
          <cell r="G30">
            <v>28</v>
          </cell>
          <cell r="I30" t="str">
            <v>イイダセツビ株式会社</v>
          </cell>
          <cell r="J30" t="str">
            <v>加西市</v>
          </cell>
          <cell r="K30" t="str">
            <v>西谷町512</v>
          </cell>
          <cell r="L30" t="str">
            <v>飯田由紀恵</v>
          </cell>
          <cell r="M30" t="str">
            <v>42-3241</v>
          </cell>
          <cell r="N30">
            <v>35935</v>
          </cell>
          <cell r="O30">
            <v>44103</v>
          </cell>
          <cell r="P30">
            <v>45930</v>
          </cell>
          <cell r="Q30">
            <v>47756</v>
          </cell>
        </row>
        <row r="31">
          <cell r="G31">
            <v>29</v>
          </cell>
          <cell r="H31" t="str">
            <v>㈱</v>
          </cell>
          <cell r="I31" t="str">
            <v>アキタ</v>
          </cell>
          <cell r="J31" t="str">
            <v>加西市</v>
          </cell>
          <cell r="K31" t="str">
            <v>下宮木町578-1</v>
          </cell>
          <cell r="L31" t="str">
            <v>澤中章博</v>
          </cell>
          <cell r="M31" t="str">
            <v>49-0399</v>
          </cell>
          <cell r="N31">
            <v>35935</v>
          </cell>
          <cell r="O31">
            <v>44103</v>
          </cell>
          <cell r="P31">
            <v>45930</v>
          </cell>
          <cell r="Q31">
            <v>47756</v>
          </cell>
        </row>
        <row r="32">
          <cell r="G32">
            <v>30</v>
          </cell>
          <cell r="I32" t="str">
            <v>共和設備工業</v>
          </cell>
          <cell r="J32" t="str">
            <v>加西市</v>
          </cell>
          <cell r="K32" t="str">
            <v>谷口町498</v>
          </cell>
          <cell r="L32" t="str">
            <v>田中利計</v>
          </cell>
          <cell r="M32" t="str">
            <v>42-1021</v>
          </cell>
          <cell r="N32">
            <v>35935</v>
          </cell>
          <cell r="O32">
            <v>44103</v>
          </cell>
        </row>
        <row r="33">
          <cell r="G33">
            <v>31</v>
          </cell>
          <cell r="I33" t="str">
            <v>藤本住宅設備</v>
          </cell>
          <cell r="J33" t="str">
            <v>加西市</v>
          </cell>
          <cell r="K33" t="str">
            <v>西野々町120-1</v>
          </cell>
          <cell r="L33" t="str">
            <v>藤本良博</v>
          </cell>
          <cell r="M33" t="str">
            <v>45-1314</v>
          </cell>
          <cell r="N33">
            <v>35935</v>
          </cell>
          <cell r="O33">
            <v>44103</v>
          </cell>
        </row>
        <row r="34">
          <cell r="G34">
            <v>32</v>
          </cell>
          <cell r="I34" t="str">
            <v>山崎電気商会</v>
          </cell>
          <cell r="J34" t="str">
            <v>加西市</v>
          </cell>
          <cell r="K34" t="str">
            <v>岸呂町548</v>
          </cell>
          <cell r="L34" t="str">
            <v>山崎　寛</v>
          </cell>
          <cell r="M34" t="str">
            <v>46-0552</v>
          </cell>
          <cell r="N34">
            <v>35935</v>
          </cell>
          <cell r="O34">
            <v>44103</v>
          </cell>
        </row>
        <row r="35">
          <cell r="G35">
            <v>33</v>
          </cell>
          <cell r="I35" t="str">
            <v>ヤマモト水設</v>
          </cell>
          <cell r="J35" t="str">
            <v>加西市</v>
          </cell>
          <cell r="K35" t="str">
            <v>北条町横尾716-1</v>
          </cell>
          <cell r="L35" t="str">
            <v>山本健三</v>
          </cell>
          <cell r="M35" t="str">
            <v>42-4164</v>
          </cell>
          <cell r="N35">
            <v>35935</v>
          </cell>
          <cell r="O35">
            <v>44103</v>
          </cell>
        </row>
        <row r="36">
          <cell r="G36">
            <v>34</v>
          </cell>
          <cell r="I36" t="str">
            <v>マルヨシ設備</v>
          </cell>
          <cell r="J36" t="str">
            <v>加西市</v>
          </cell>
          <cell r="K36" t="str">
            <v>北条町東高室72</v>
          </cell>
          <cell r="L36" t="str">
            <v>吉位　計</v>
          </cell>
          <cell r="M36" t="str">
            <v>42-0051</v>
          </cell>
          <cell r="N36">
            <v>35935</v>
          </cell>
          <cell r="O36">
            <v>44103</v>
          </cell>
        </row>
        <row r="37">
          <cell r="G37">
            <v>35</v>
          </cell>
          <cell r="I37" t="str">
            <v>マナベ電機</v>
          </cell>
          <cell r="J37" t="str">
            <v>加西市</v>
          </cell>
          <cell r="K37" t="str">
            <v>鎮岩町238-1</v>
          </cell>
          <cell r="L37" t="str">
            <v>眞鍋哲也</v>
          </cell>
          <cell r="M37" t="str">
            <v>46-0319</v>
          </cell>
          <cell r="N37">
            <v>35935</v>
          </cell>
          <cell r="O37">
            <v>44103</v>
          </cell>
          <cell r="P37">
            <v>45930</v>
          </cell>
          <cell r="Q37">
            <v>47756</v>
          </cell>
        </row>
        <row r="38">
          <cell r="G38">
            <v>36</v>
          </cell>
          <cell r="H38" t="str">
            <v>㈲</v>
          </cell>
          <cell r="I38" t="str">
            <v>梶原電器</v>
          </cell>
          <cell r="J38" t="str">
            <v>加西市</v>
          </cell>
          <cell r="K38" t="str">
            <v>殿原町826</v>
          </cell>
          <cell r="L38" t="str">
            <v>梶原正美</v>
          </cell>
          <cell r="M38" t="str">
            <v>44-0476</v>
          </cell>
          <cell r="N38">
            <v>35935</v>
          </cell>
          <cell r="O38">
            <v>44103</v>
          </cell>
          <cell r="P38">
            <v>45930</v>
          </cell>
          <cell r="Q38">
            <v>47756</v>
          </cell>
        </row>
        <row r="39">
          <cell r="G39">
            <v>37</v>
          </cell>
          <cell r="I39" t="str">
            <v>三協建設㈱</v>
          </cell>
          <cell r="J39" t="str">
            <v>加西市</v>
          </cell>
          <cell r="K39" t="str">
            <v>西長町1089-60</v>
          </cell>
          <cell r="L39" t="str">
            <v>山本一弘</v>
          </cell>
          <cell r="M39" t="str">
            <v>46-0955</v>
          </cell>
          <cell r="N39">
            <v>35935</v>
          </cell>
          <cell r="O39">
            <v>44103</v>
          </cell>
        </row>
        <row r="40">
          <cell r="G40">
            <v>38</v>
          </cell>
          <cell r="H40" t="str">
            <v>㈲</v>
          </cell>
          <cell r="I40" t="str">
            <v>デルタワーク</v>
          </cell>
          <cell r="J40" t="str">
            <v>加西市</v>
          </cell>
          <cell r="K40" t="str">
            <v>三口町944-1</v>
          </cell>
          <cell r="L40" t="str">
            <v>芝　則史</v>
          </cell>
          <cell r="M40" t="str">
            <v>48-3058</v>
          </cell>
          <cell r="N40">
            <v>35935</v>
          </cell>
          <cell r="O40">
            <v>44103</v>
          </cell>
          <cell r="P40">
            <v>45930</v>
          </cell>
          <cell r="Q40">
            <v>47756</v>
          </cell>
        </row>
        <row r="41">
          <cell r="G41">
            <v>39</v>
          </cell>
          <cell r="H41" t="str">
            <v>㈱</v>
          </cell>
          <cell r="I41" t="str">
            <v>カンキョウ</v>
          </cell>
          <cell r="J41" t="str">
            <v>加西市</v>
          </cell>
          <cell r="K41" t="str">
            <v>北条町黒駒6-3</v>
          </cell>
          <cell r="L41" t="str">
            <v>栁 真成美</v>
          </cell>
          <cell r="M41" t="str">
            <v>42-4131</v>
          </cell>
          <cell r="N41">
            <v>35935</v>
          </cell>
          <cell r="O41">
            <v>44103</v>
          </cell>
          <cell r="P41">
            <v>45930</v>
          </cell>
          <cell r="Q41">
            <v>47756</v>
          </cell>
        </row>
        <row r="42">
          <cell r="G42">
            <v>40</v>
          </cell>
          <cell r="H42" t="str">
            <v>㈱</v>
          </cell>
          <cell r="I42" t="str">
            <v>河合建設</v>
          </cell>
          <cell r="J42" t="str">
            <v>加西市</v>
          </cell>
          <cell r="K42" t="str">
            <v>北条町古坂2丁目30</v>
          </cell>
          <cell r="L42" t="str">
            <v>河合泰生</v>
          </cell>
          <cell r="M42" t="str">
            <v>42-4026</v>
          </cell>
          <cell r="N42">
            <v>35935</v>
          </cell>
          <cell r="O42">
            <v>44103</v>
          </cell>
        </row>
        <row r="43">
          <cell r="G43">
            <v>41</v>
          </cell>
          <cell r="I43" t="str">
            <v>でんきのしかた</v>
          </cell>
          <cell r="J43" t="str">
            <v>加西市</v>
          </cell>
          <cell r="K43" t="str">
            <v>殿原町411-1</v>
          </cell>
          <cell r="L43" t="str">
            <v>志方雅弥</v>
          </cell>
          <cell r="M43" t="str">
            <v>44-0247</v>
          </cell>
          <cell r="N43">
            <v>38336</v>
          </cell>
          <cell r="O43">
            <v>44833</v>
          </cell>
          <cell r="P43">
            <v>46660</v>
          </cell>
          <cell r="Q43">
            <v>48487</v>
          </cell>
        </row>
        <row r="44">
          <cell r="G44">
            <v>42</v>
          </cell>
          <cell r="I44" t="str">
            <v>藤城住設株式会社</v>
          </cell>
          <cell r="J44" t="str">
            <v>加西市</v>
          </cell>
          <cell r="K44" t="str">
            <v>上宮木町115・116-3</v>
          </cell>
          <cell r="L44" t="str">
            <v>藤城博明</v>
          </cell>
          <cell r="M44" t="str">
            <v>49-0610</v>
          </cell>
          <cell r="N44">
            <v>35935</v>
          </cell>
          <cell r="O44">
            <v>44103</v>
          </cell>
          <cell r="P44">
            <v>45930</v>
          </cell>
          <cell r="Q44">
            <v>47756</v>
          </cell>
        </row>
        <row r="45">
          <cell r="G45">
            <v>43</v>
          </cell>
          <cell r="I45" t="str">
            <v>ナカムラ電設株式会社</v>
          </cell>
          <cell r="J45" t="str">
            <v>加西市</v>
          </cell>
          <cell r="K45" t="str">
            <v>上宮木町387-36</v>
          </cell>
          <cell r="L45" t="str">
            <v>中村　茂</v>
          </cell>
          <cell r="M45" t="str">
            <v>49-0249</v>
          </cell>
          <cell r="N45">
            <v>35935</v>
          </cell>
          <cell r="O45">
            <v>44103</v>
          </cell>
          <cell r="P45">
            <v>45930</v>
          </cell>
          <cell r="Q45">
            <v>47756</v>
          </cell>
        </row>
        <row r="46">
          <cell r="G46">
            <v>44</v>
          </cell>
          <cell r="I46" t="str">
            <v>末廣電気商会</v>
          </cell>
          <cell r="J46" t="str">
            <v>加西市</v>
          </cell>
          <cell r="K46" t="str">
            <v>鴨谷町855-1</v>
          </cell>
          <cell r="L46" t="str">
            <v>末廣昌義</v>
          </cell>
          <cell r="M46" t="str">
            <v>44-1092</v>
          </cell>
          <cell r="N46">
            <v>35935</v>
          </cell>
          <cell r="O46">
            <v>44103</v>
          </cell>
          <cell r="P46">
            <v>45930</v>
          </cell>
          <cell r="Q46">
            <v>47756</v>
          </cell>
        </row>
        <row r="47">
          <cell r="G47">
            <v>45</v>
          </cell>
          <cell r="I47" t="str">
            <v>垣内電気</v>
          </cell>
          <cell r="J47" t="str">
            <v>加西市</v>
          </cell>
          <cell r="K47" t="str">
            <v>谷町542-2</v>
          </cell>
          <cell r="L47" t="str">
            <v>垣内　寛</v>
          </cell>
          <cell r="M47" t="str">
            <v>43-0205</v>
          </cell>
          <cell r="N47">
            <v>35935</v>
          </cell>
          <cell r="O47">
            <v>44103</v>
          </cell>
        </row>
        <row r="48">
          <cell r="G48">
            <v>46</v>
          </cell>
          <cell r="H48" t="str">
            <v>㈲</v>
          </cell>
          <cell r="I48" t="str">
            <v>阿部設備</v>
          </cell>
          <cell r="J48" t="str">
            <v>加西市</v>
          </cell>
          <cell r="K48" t="str">
            <v>西野々町203-3</v>
          </cell>
          <cell r="L48" t="str">
            <v>阿部　学</v>
          </cell>
          <cell r="M48" t="str">
            <v>45-0039</v>
          </cell>
          <cell r="N48">
            <v>35935</v>
          </cell>
          <cell r="O48">
            <v>44103</v>
          </cell>
          <cell r="P48">
            <v>45930</v>
          </cell>
          <cell r="Q48">
            <v>47756</v>
          </cell>
        </row>
        <row r="49">
          <cell r="G49">
            <v>47</v>
          </cell>
          <cell r="H49" t="str">
            <v>㈲</v>
          </cell>
          <cell r="I49" t="str">
            <v>松尾電気</v>
          </cell>
          <cell r="J49" t="str">
            <v>加西市</v>
          </cell>
          <cell r="K49" t="str">
            <v>北条町東高室706-1</v>
          </cell>
          <cell r="L49" t="str">
            <v>松尾兵吾</v>
          </cell>
          <cell r="M49" t="str">
            <v>42-2325</v>
          </cell>
          <cell r="N49">
            <v>35935</v>
          </cell>
          <cell r="O49">
            <v>44103</v>
          </cell>
          <cell r="P49">
            <v>45930</v>
          </cell>
          <cell r="Q49">
            <v>47756</v>
          </cell>
        </row>
        <row r="50">
          <cell r="G50">
            <v>48</v>
          </cell>
          <cell r="I50" t="str">
            <v>ヴァースト</v>
          </cell>
          <cell r="J50" t="str">
            <v>加西市</v>
          </cell>
          <cell r="K50" t="str">
            <v>北条町黒駒313-4</v>
          </cell>
          <cell r="L50" t="str">
            <v>柳　辰彦</v>
          </cell>
          <cell r="M50" t="str">
            <v>42-5468</v>
          </cell>
          <cell r="N50">
            <v>35935</v>
          </cell>
          <cell r="O50">
            <v>44103</v>
          </cell>
          <cell r="P50">
            <v>45930</v>
          </cell>
          <cell r="Q50">
            <v>47756</v>
          </cell>
        </row>
        <row r="51">
          <cell r="G51">
            <v>49</v>
          </cell>
          <cell r="I51" t="str">
            <v>加西電子工業㈱</v>
          </cell>
          <cell r="J51" t="str">
            <v>加西市</v>
          </cell>
          <cell r="K51" t="str">
            <v>鶉野町46-57</v>
          </cell>
          <cell r="L51" t="str">
            <v>高原成人</v>
          </cell>
          <cell r="M51" t="str">
            <v>49-1175</v>
          </cell>
          <cell r="N51">
            <v>35935</v>
          </cell>
          <cell r="O51">
            <v>44103</v>
          </cell>
        </row>
        <row r="52">
          <cell r="G52">
            <v>50</v>
          </cell>
          <cell r="I52" t="str">
            <v>ｼﾃｨ-ﾗｲﾌﾀｶﾉ</v>
          </cell>
          <cell r="J52" t="str">
            <v>加西市</v>
          </cell>
          <cell r="K52" t="str">
            <v>国正町780-1</v>
          </cell>
          <cell r="L52" t="str">
            <v>民輪正人</v>
          </cell>
          <cell r="M52" t="str">
            <v>45-1118</v>
          </cell>
          <cell r="N52">
            <v>35935</v>
          </cell>
          <cell r="O52">
            <v>44103</v>
          </cell>
        </row>
        <row r="53">
          <cell r="G53">
            <v>51</v>
          </cell>
          <cell r="H53" t="str">
            <v>㈱</v>
          </cell>
          <cell r="I53" t="str">
            <v>竹内工業所</v>
          </cell>
          <cell r="J53" t="str">
            <v>西脇市</v>
          </cell>
          <cell r="K53" t="str">
            <v>高松町633-42</v>
          </cell>
          <cell r="L53" t="str">
            <v>竹内謙太郎</v>
          </cell>
          <cell r="M53" t="str">
            <v>0795-22-2594</v>
          </cell>
          <cell r="N53">
            <v>35935</v>
          </cell>
          <cell r="O53">
            <v>44103</v>
          </cell>
          <cell r="P53">
            <v>45930</v>
          </cell>
          <cell r="Q53">
            <v>47756</v>
          </cell>
        </row>
        <row r="54">
          <cell r="G54">
            <v>52</v>
          </cell>
          <cell r="I54" t="str">
            <v>ミヤマデンキ加西</v>
          </cell>
          <cell r="J54" t="str">
            <v>加西市</v>
          </cell>
          <cell r="K54" t="str">
            <v>豊倉町504-1</v>
          </cell>
          <cell r="L54" t="str">
            <v>岩本幸雄</v>
          </cell>
          <cell r="M54" t="str">
            <v>47-1373</v>
          </cell>
          <cell r="N54">
            <v>35935</v>
          </cell>
          <cell r="O54">
            <v>44103</v>
          </cell>
          <cell r="P54">
            <v>45930</v>
          </cell>
          <cell r="Q54">
            <v>47756</v>
          </cell>
        </row>
        <row r="55">
          <cell r="G55">
            <v>53</v>
          </cell>
          <cell r="I55" t="str">
            <v>高電商会</v>
          </cell>
          <cell r="J55" t="str">
            <v>加西市</v>
          </cell>
          <cell r="K55" t="str">
            <v>北条町西高室447</v>
          </cell>
          <cell r="L55" t="str">
            <v>高橋保雄</v>
          </cell>
          <cell r="M55" t="str">
            <v>42-3595</v>
          </cell>
          <cell r="N55">
            <v>35935</v>
          </cell>
          <cell r="O55">
            <v>44103</v>
          </cell>
          <cell r="P55">
            <v>45930</v>
          </cell>
          <cell r="Q55">
            <v>47756</v>
          </cell>
        </row>
        <row r="56">
          <cell r="G56">
            <v>54</v>
          </cell>
          <cell r="I56" t="str">
            <v>アサダ工業株式会社</v>
          </cell>
          <cell r="J56" t="str">
            <v>加西市</v>
          </cell>
          <cell r="K56" t="str">
            <v>繁昌町227-1</v>
          </cell>
          <cell r="L56" t="str">
            <v>浅田享兵</v>
          </cell>
          <cell r="M56" t="str">
            <v>49-0280</v>
          </cell>
          <cell r="N56">
            <v>35935</v>
          </cell>
          <cell r="O56">
            <v>44103</v>
          </cell>
          <cell r="P56">
            <v>45930</v>
          </cell>
          <cell r="Q56">
            <v>47756</v>
          </cell>
        </row>
        <row r="57">
          <cell r="G57">
            <v>55</v>
          </cell>
          <cell r="I57" t="str">
            <v>オカベ設備</v>
          </cell>
          <cell r="J57" t="str">
            <v>加西市</v>
          </cell>
          <cell r="K57" t="str">
            <v>山下町276-1</v>
          </cell>
          <cell r="L57" t="str">
            <v>岡部　勉</v>
          </cell>
          <cell r="M57" t="str">
            <v>46-1123</v>
          </cell>
          <cell r="N57">
            <v>35935</v>
          </cell>
          <cell r="O57">
            <v>44103</v>
          </cell>
        </row>
        <row r="58">
          <cell r="G58">
            <v>56</v>
          </cell>
          <cell r="I58" t="str">
            <v>三木設備工業</v>
          </cell>
          <cell r="J58" t="str">
            <v>姫路市</v>
          </cell>
          <cell r="K58" t="str">
            <v>網干区坂上434-2</v>
          </cell>
          <cell r="L58" t="str">
            <v>三木　修</v>
          </cell>
          <cell r="M58" t="str">
            <v>0792-74-4780</v>
          </cell>
          <cell r="N58">
            <v>35935</v>
          </cell>
          <cell r="O58">
            <v>44103</v>
          </cell>
        </row>
        <row r="59">
          <cell r="G59">
            <v>57</v>
          </cell>
          <cell r="I59" t="str">
            <v>高部電気</v>
          </cell>
          <cell r="J59" t="str">
            <v>加西市</v>
          </cell>
          <cell r="K59" t="str">
            <v>北条町古坂1237</v>
          </cell>
          <cell r="L59" t="str">
            <v>高部克義</v>
          </cell>
          <cell r="M59" t="str">
            <v>42-1254</v>
          </cell>
          <cell r="N59">
            <v>35935</v>
          </cell>
          <cell r="O59">
            <v>44103</v>
          </cell>
        </row>
        <row r="60">
          <cell r="G60">
            <v>58</v>
          </cell>
          <cell r="I60" t="str">
            <v>高橋電気</v>
          </cell>
          <cell r="J60" t="str">
            <v>加西市</v>
          </cell>
          <cell r="K60" t="str">
            <v>北条町北条1247-4</v>
          </cell>
          <cell r="L60" t="str">
            <v>高橋永一</v>
          </cell>
          <cell r="M60" t="str">
            <v>42-0919</v>
          </cell>
          <cell r="N60">
            <v>35935</v>
          </cell>
          <cell r="O60">
            <v>44103</v>
          </cell>
          <cell r="P60">
            <v>45930</v>
          </cell>
          <cell r="Q60">
            <v>47756</v>
          </cell>
        </row>
        <row r="61">
          <cell r="G61">
            <v>59</v>
          </cell>
          <cell r="I61" t="str">
            <v>クマクラ電機株式会社</v>
          </cell>
          <cell r="J61" t="str">
            <v>加西市</v>
          </cell>
          <cell r="K61" t="str">
            <v>北条町東高室74</v>
          </cell>
          <cell r="L61" t="str">
            <v>熊倉敏貴</v>
          </cell>
          <cell r="M61" t="str">
            <v>42-0189</v>
          </cell>
          <cell r="N61">
            <v>35935</v>
          </cell>
          <cell r="O61">
            <v>44103</v>
          </cell>
          <cell r="P61">
            <v>45930</v>
          </cell>
          <cell r="Q61">
            <v>47756</v>
          </cell>
        </row>
        <row r="62">
          <cell r="G62">
            <v>60</v>
          </cell>
          <cell r="H62" t="str">
            <v>㈱</v>
          </cell>
          <cell r="I62" t="str">
            <v>まえだ</v>
          </cell>
          <cell r="J62" t="str">
            <v>加西市</v>
          </cell>
          <cell r="K62" t="str">
            <v>北条町横尾1079-2</v>
          </cell>
          <cell r="L62" t="str">
            <v>前田俊明</v>
          </cell>
          <cell r="M62" t="str">
            <v>43-1149</v>
          </cell>
          <cell r="N62">
            <v>36014</v>
          </cell>
          <cell r="O62">
            <v>44103</v>
          </cell>
          <cell r="P62">
            <v>45930</v>
          </cell>
          <cell r="Q62">
            <v>47756</v>
          </cell>
        </row>
        <row r="63">
          <cell r="G63">
            <v>61</v>
          </cell>
          <cell r="I63" t="str">
            <v>ｺｶﾄﾞ電気設備工事</v>
          </cell>
          <cell r="J63" t="str">
            <v>加西市</v>
          </cell>
          <cell r="K63" t="str">
            <v>西横田町738-2</v>
          </cell>
          <cell r="L63" t="str">
            <v>古角芳則</v>
          </cell>
          <cell r="M63" t="str">
            <v>46-0760</v>
          </cell>
          <cell r="N63">
            <v>36014</v>
          </cell>
          <cell r="O63">
            <v>44103</v>
          </cell>
        </row>
        <row r="64">
          <cell r="G64">
            <v>62</v>
          </cell>
          <cell r="I64" t="str">
            <v>上田住設</v>
          </cell>
          <cell r="J64" t="str">
            <v>加西市</v>
          </cell>
          <cell r="K64" t="str">
            <v>若井町2632</v>
          </cell>
          <cell r="L64" t="str">
            <v>上田忠実</v>
          </cell>
          <cell r="M64" t="str">
            <v>44-0397</v>
          </cell>
          <cell r="N64">
            <v>36014</v>
          </cell>
          <cell r="O64">
            <v>44103</v>
          </cell>
          <cell r="P64">
            <v>45930</v>
          </cell>
          <cell r="Q64">
            <v>47756</v>
          </cell>
        </row>
        <row r="65">
          <cell r="G65">
            <v>63</v>
          </cell>
          <cell r="H65" t="str">
            <v>㈱</v>
          </cell>
          <cell r="I65" t="str">
            <v>ダイセン</v>
          </cell>
          <cell r="J65" t="str">
            <v>加西市</v>
          </cell>
          <cell r="K65" t="str">
            <v>段下町60-13</v>
          </cell>
          <cell r="L65" t="str">
            <v>塚前孝文</v>
          </cell>
          <cell r="M65" t="str">
            <v>48-2063</v>
          </cell>
          <cell r="N65">
            <v>36014</v>
          </cell>
          <cell r="O65">
            <v>44103</v>
          </cell>
          <cell r="P65">
            <v>45930</v>
          </cell>
          <cell r="Q65">
            <v>47756</v>
          </cell>
        </row>
        <row r="66">
          <cell r="G66">
            <v>64</v>
          </cell>
          <cell r="H66" t="str">
            <v>㈲</v>
          </cell>
          <cell r="I66" t="str">
            <v>ﾗｲｽﾞｺｰﾎﾟﾚｰｼｮﾝ</v>
          </cell>
          <cell r="J66" t="str">
            <v>加西市</v>
          </cell>
          <cell r="K66" t="str">
            <v>段下町45-1</v>
          </cell>
          <cell r="L66" t="str">
            <v>塚前隆一</v>
          </cell>
          <cell r="M66" t="str">
            <v>48-2771</v>
          </cell>
          <cell r="N66">
            <v>36014</v>
          </cell>
          <cell r="O66">
            <v>44103</v>
          </cell>
        </row>
        <row r="67">
          <cell r="G67">
            <v>65</v>
          </cell>
          <cell r="H67" t="str">
            <v>㈱</v>
          </cell>
          <cell r="I67" t="str">
            <v>ミコー総合開発</v>
          </cell>
          <cell r="J67" t="str">
            <v>加西市</v>
          </cell>
          <cell r="K67" t="str">
            <v>鶉野町2190-1</v>
          </cell>
          <cell r="L67" t="str">
            <v>森村広幸</v>
          </cell>
          <cell r="M67" t="str">
            <v>49-2244</v>
          </cell>
          <cell r="N67">
            <v>36014</v>
          </cell>
          <cell r="O67">
            <v>44103</v>
          </cell>
          <cell r="P67">
            <v>45930</v>
          </cell>
          <cell r="Q67">
            <v>47756</v>
          </cell>
        </row>
        <row r="68">
          <cell r="G68">
            <v>66</v>
          </cell>
          <cell r="I68" t="str">
            <v>ハリマ設備工業株式会社</v>
          </cell>
          <cell r="J68" t="str">
            <v>姫路市</v>
          </cell>
          <cell r="K68" t="str">
            <v>網干区大江島101</v>
          </cell>
          <cell r="L68" t="str">
            <v>山中賢作</v>
          </cell>
          <cell r="M68" t="str">
            <v>079-273-0025</v>
          </cell>
          <cell r="N68">
            <v>36130</v>
          </cell>
          <cell r="O68">
            <v>44103</v>
          </cell>
          <cell r="P68">
            <v>45930</v>
          </cell>
          <cell r="Q68">
            <v>47756</v>
          </cell>
        </row>
        <row r="69">
          <cell r="G69">
            <v>67</v>
          </cell>
          <cell r="H69" t="str">
            <v>㈲</v>
          </cell>
          <cell r="I69" t="str">
            <v>德岡興産</v>
          </cell>
          <cell r="J69" t="str">
            <v>加古川市</v>
          </cell>
          <cell r="K69" t="str">
            <v>神野町福留1丁目63番地</v>
          </cell>
          <cell r="L69" t="str">
            <v>德岡雄司</v>
          </cell>
          <cell r="M69" t="str">
            <v>079-439-6316</v>
          </cell>
          <cell r="N69">
            <v>36130</v>
          </cell>
          <cell r="O69">
            <v>44103</v>
          </cell>
          <cell r="P69">
            <v>45930</v>
          </cell>
          <cell r="Q69">
            <v>47756</v>
          </cell>
        </row>
        <row r="70">
          <cell r="G70">
            <v>68</v>
          </cell>
          <cell r="I70" t="str">
            <v>藏前商事株式会社</v>
          </cell>
          <cell r="J70" t="str">
            <v>加東市</v>
          </cell>
          <cell r="K70" t="str">
            <v>河高2467</v>
          </cell>
          <cell r="L70" t="str">
            <v>蔵前太郎</v>
          </cell>
          <cell r="M70" t="str">
            <v>0795-48-3168</v>
          </cell>
          <cell r="N70">
            <v>36130</v>
          </cell>
          <cell r="O70">
            <v>44103</v>
          </cell>
          <cell r="P70">
            <v>45930</v>
          </cell>
          <cell r="Q70">
            <v>47756</v>
          </cell>
        </row>
        <row r="71">
          <cell r="G71">
            <v>69</v>
          </cell>
          <cell r="H71" t="str">
            <v>㈲</v>
          </cell>
          <cell r="I71" t="str">
            <v>明環</v>
          </cell>
          <cell r="J71" t="str">
            <v>高砂市</v>
          </cell>
          <cell r="K71" t="str">
            <v>伊保1丁目2-26</v>
          </cell>
          <cell r="L71" t="str">
            <v>田口圭介</v>
          </cell>
          <cell r="M71" t="str">
            <v>079-447-0681</v>
          </cell>
          <cell r="N71">
            <v>36130</v>
          </cell>
          <cell r="O71">
            <v>44103</v>
          </cell>
          <cell r="P71">
            <v>45930</v>
          </cell>
          <cell r="Q71">
            <v>47756</v>
          </cell>
        </row>
        <row r="72">
          <cell r="G72">
            <v>70</v>
          </cell>
          <cell r="I72" t="str">
            <v>安田水道工業所</v>
          </cell>
          <cell r="J72" t="str">
            <v>姫路市</v>
          </cell>
          <cell r="K72" t="str">
            <v>広畑区本町2-14</v>
          </cell>
          <cell r="L72" t="str">
            <v>安田則吉</v>
          </cell>
          <cell r="M72" t="str">
            <v>079-239-6161</v>
          </cell>
          <cell r="N72">
            <v>36130</v>
          </cell>
          <cell r="O72">
            <v>44103</v>
          </cell>
        </row>
        <row r="73">
          <cell r="G73">
            <v>71</v>
          </cell>
          <cell r="H73" t="str">
            <v>㈱</v>
          </cell>
          <cell r="I73" t="str">
            <v>原工務店</v>
          </cell>
          <cell r="J73" t="str">
            <v>姫路市</v>
          </cell>
          <cell r="K73" t="str">
            <v>飾磨区中浜町3丁目190</v>
          </cell>
          <cell r="L73" t="str">
            <v>原　　清</v>
          </cell>
          <cell r="M73" t="str">
            <v>0792-36-4192</v>
          </cell>
          <cell r="N73">
            <v>36130</v>
          </cell>
          <cell r="O73">
            <v>44103</v>
          </cell>
        </row>
        <row r="74">
          <cell r="G74">
            <v>72</v>
          </cell>
          <cell r="H74" t="str">
            <v>㈱</v>
          </cell>
          <cell r="I74" t="str">
            <v>SIC</v>
          </cell>
          <cell r="J74" t="str">
            <v>加古川市</v>
          </cell>
          <cell r="K74" t="str">
            <v>加古川町備後335番地</v>
          </cell>
          <cell r="L74" t="str">
            <v>芝本忠雄</v>
          </cell>
          <cell r="M74" t="str">
            <v>079-423-0358</v>
          </cell>
          <cell r="N74">
            <v>36130</v>
          </cell>
          <cell r="O74">
            <v>44103</v>
          </cell>
          <cell r="P74">
            <v>45930</v>
          </cell>
          <cell r="Q74">
            <v>47756</v>
          </cell>
        </row>
        <row r="75">
          <cell r="G75">
            <v>73</v>
          </cell>
          <cell r="H75" t="str">
            <v>㈲</v>
          </cell>
          <cell r="I75" t="str">
            <v>戸田設備</v>
          </cell>
          <cell r="J75" t="str">
            <v>姫路市</v>
          </cell>
          <cell r="K75" t="str">
            <v>上手野171</v>
          </cell>
          <cell r="L75" t="str">
            <v>戸田育夫</v>
          </cell>
          <cell r="M75" t="str">
            <v>0792-97-0298</v>
          </cell>
          <cell r="N75">
            <v>36130</v>
          </cell>
          <cell r="O75">
            <v>44103</v>
          </cell>
        </row>
        <row r="76">
          <cell r="G76">
            <v>74</v>
          </cell>
          <cell r="H76" t="str">
            <v>㈱</v>
          </cell>
          <cell r="I76" t="str">
            <v>ウノ</v>
          </cell>
          <cell r="J76" t="str">
            <v>西脇市</v>
          </cell>
          <cell r="K76" t="str">
            <v>西田町261-1</v>
          </cell>
          <cell r="L76" t="str">
            <v>宇野健志</v>
          </cell>
          <cell r="M76" t="str">
            <v>0795-22-1261</v>
          </cell>
          <cell r="N76">
            <v>36242</v>
          </cell>
          <cell r="O76">
            <v>44103</v>
          </cell>
          <cell r="P76">
            <v>45930</v>
          </cell>
          <cell r="Q76">
            <v>47756</v>
          </cell>
        </row>
        <row r="77">
          <cell r="G77">
            <v>75</v>
          </cell>
          <cell r="I77" t="str">
            <v>三木商事株式会社</v>
          </cell>
          <cell r="J77" t="str">
            <v>姫路市</v>
          </cell>
          <cell r="K77" t="str">
            <v>木場十八反町27</v>
          </cell>
          <cell r="L77" t="str">
            <v>三木篤幸</v>
          </cell>
          <cell r="M77" t="str">
            <v>079-245-7233</v>
          </cell>
          <cell r="N77">
            <v>36242</v>
          </cell>
          <cell r="O77">
            <v>44103</v>
          </cell>
          <cell r="P77">
            <v>45930</v>
          </cell>
          <cell r="Q77">
            <v>47756</v>
          </cell>
        </row>
        <row r="78">
          <cell r="G78">
            <v>76</v>
          </cell>
          <cell r="H78" t="str">
            <v>㈲</v>
          </cell>
          <cell r="I78" t="str">
            <v>前川土木工業</v>
          </cell>
          <cell r="J78" t="str">
            <v>神崎郡</v>
          </cell>
          <cell r="K78" t="str">
            <v>市川町小谷204</v>
          </cell>
          <cell r="L78" t="str">
            <v>前川純也</v>
          </cell>
          <cell r="M78" t="str">
            <v>26-0625</v>
          </cell>
          <cell r="N78">
            <v>36242</v>
          </cell>
          <cell r="O78">
            <v>44103</v>
          </cell>
        </row>
        <row r="79">
          <cell r="G79">
            <v>77</v>
          </cell>
          <cell r="I79" t="str">
            <v>共栄住宅設備工業株式会社</v>
          </cell>
          <cell r="J79" t="str">
            <v>加東市</v>
          </cell>
          <cell r="K79" t="str">
            <v>下滝野220</v>
          </cell>
          <cell r="L79" t="str">
            <v>松岡勝也</v>
          </cell>
          <cell r="M79" t="str">
            <v>0795-48-2375</v>
          </cell>
          <cell r="N79">
            <v>36242</v>
          </cell>
          <cell r="O79">
            <v>44103</v>
          </cell>
          <cell r="P79">
            <v>45930</v>
          </cell>
          <cell r="Q79">
            <v>47756</v>
          </cell>
        </row>
        <row r="80">
          <cell r="G80">
            <v>78</v>
          </cell>
          <cell r="I80" t="str">
            <v>旭設備株式会社</v>
          </cell>
          <cell r="J80" t="str">
            <v>西脇市</v>
          </cell>
          <cell r="K80" t="str">
            <v>和布町190-29</v>
          </cell>
          <cell r="L80" t="str">
            <v>藤本　泉</v>
          </cell>
          <cell r="M80" t="str">
            <v>0795-22-2305</v>
          </cell>
          <cell r="N80">
            <v>36242</v>
          </cell>
          <cell r="O80">
            <v>44103</v>
          </cell>
          <cell r="P80">
            <v>45930</v>
          </cell>
          <cell r="Q80">
            <v>47756</v>
          </cell>
        </row>
        <row r="81">
          <cell r="G81">
            <v>79</v>
          </cell>
          <cell r="H81" t="str">
            <v>㈱</v>
          </cell>
          <cell r="I81" t="str">
            <v>櫻井水設</v>
          </cell>
          <cell r="J81" t="str">
            <v>加古川市</v>
          </cell>
          <cell r="K81" t="str">
            <v>東神吉町神吉761番地の2</v>
          </cell>
          <cell r="L81" t="str">
            <v>櫻井貞明</v>
          </cell>
          <cell r="M81" t="str">
            <v>079-432-5911</v>
          </cell>
          <cell r="N81">
            <v>36242</v>
          </cell>
          <cell r="O81">
            <v>44103</v>
          </cell>
          <cell r="P81">
            <v>45930</v>
          </cell>
          <cell r="Q81">
            <v>47756</v>
          </cell>
        </row>
        <row r="82">
          <cell r="G82">
            <v>80</v>
          </cell>
          <cell r="I82" t="str">
            <v>伸心住設</v>
          </cell>
          <cell r="J82" t="str">
            <v>姫路市</v>
          </cell>
          <cell r="K82" t="str">
            <v>野里14-8</v>
          </cell>
          <cell r="L82" t="str">
            <v>中川康弘</v>
          </cell>
          <cell r="M82" t="str">
            <v>079-284-7800</v>
          </cell>
          <cell r="N82">
            <v>36242</v>
          </cell>
          <cell r="O82">
            <v>44103</v>
          </cell>
          <cell r="P82">
            <v>45930</v>
          </cell>
          <cell r="Q82">
            <v>47756</v>
          </cell>
        </row>
        <row r="83">
          <cell r="G83">
            <v>81</v>
          </cell>
          <cell r="I83" t="str">
            <v>田染設備工業㈱</v>
          </cell>
          <cell r="J83" t="str">
            <v>姫路市</v>
          </cell>
          <cell r="K83" t="str">
            <v>船橋町4丁目3-17</v>
          </cell>
          <cell r="L83" t="str">
            <v>田染秀二</v>
          </cell>
          <cell r="M83" t="str">
            <v>079-296-1010</v>
          </cell>
          <cell r="N83">
            <v>36242</v>
          </cell>
          <cell r="O83">
            <v>44103</v>
          </cell>
        </row>
        <row r="84">
          <cell r="G84">
            <v>82</v>
          </cell>
          <cell r="H84" t="str">
            <v>㈱</v>
          </cell>
          <cell r="I84" t="str">
            <v>藤原住設</v>
          </cell>
          <cell r="J84" t="str">
            <v>加東市</v>
          </cell>
          <cell r="K84" t="str">
            <v>天神字川ノ上139-1</v>
          </cell>
          <cell r="L84" t="str">
            <v>藤原一彦</v>
          </cell>
          <cell r="M84" t="str">
            <v>0795-47-0248</v>
          </cell>
          <cell r="N84">
            <v>36242</v>
          </cell>
          <cell r="O84">
            <v>44103</v>
          </cell>
        </row>
        <row r="85">
          <cell r="G85">
            <v>83</v>
          </cell>
          <cell r="H85" t="str">
            <v>㈱</v>
          </cell>
          <cell r="I85" t="str">
            <v>西村電気工事</v>
          </cell>
          <cell r="J85" t="str">
            <v>加西市</v>
          </cell>
          <cell r="K85" t="str">
            <v>北条町西南377</v>
          </cell>
          <cell r="L85" t="str">
            <v>西村昌也</v>
          </cell>
          <cell r="M85" t="str">
            <v>42-3611</v>
          </cell>
          <cell r="N85">
            <v>36242</v>
          </cell>
          <cell r="O85">
            <v>44103</v>
          </cell>
          <cell r="P85">
            <v>45930</v>
          </cell>
          <cell r="Q85">
            <v>47756</v>
          </cell>
        </row>
        <row r="86">
          <cell r="G86">
            <v>84</v>
          </cell>
          <cell r="H86" t="str">
            <v>㈱</v>
          </cell>
          <cell r="I86" t="str">
            <v>小田工務店</v>
          </cell>
          <cell r="J86" t="str">
            <v>加西市</v>
          </cell>
          <cell r="K86" t="str">
            <v>鴨谷町1155</v>
          </cell>
          <cell r="L86" t="str">
            <v>小田浩昭</v>
          </cell>
          <cell r="M86" t="str">
            <v>44-0345</v>
          </cell>
          <cell r="N86">
            <v>36242</v>
          </cell>
          <cell r="O86">
            <v>44103</v>
          </cell>
        </row>
        <row r="87">
          <cell r="G87">
            <v>85</v>
          </cell>
          <cell r="I87" t="str">
            <v>大宏建設㈱</v>
          </cell>
          <cell r="J87" t="str">
            <v>加西市</v>
          </cell>
          <cell r="K87" t="str">
            <v>福住町13-1</v>
          </cell>
          <cell r="L87" t="str">
            <v>本多兼正</v>
          </cell>
          <cell r="M87" t="str">
            <v>46-1588</v>
          </cell>
          <cell r="N87">
            <v>36242</v>
          </cell>
          <cell r="O87">
            <v>44103</v>
          </cell>
        </row>
        <row r="88">
          <cell r="G88">
            <v>86</v>
          </cell>
          <cell r="I88" t="str">
            <v>キンシ電機</v>
          </cell>
          <cell r="J88" t="str">
            <v>加西市</v>
          </cell>
          <cell r="K88" t="str">
            <v>中富町1298-2</v>
          </cell>
          <cell r="L88" t="str">
            <v>金志重夫</v>
          </cell>
          <cell r="M88" t="str">
            <v>44-0463</v>
          </cell>
          <cell r="N88">
            <v>36242</v>
          </cell>
          <cell r="O88">
            <v>44103</v>
          </cell>
          <cell r="P88">
            <v>45930</v>
          </cell>
          <cell r="Q88">
            <v>47756</v>
          </cell>
        </row>
        <row r="89">
          <cell r="G89">
            <v>87</v>
          </cell>
          <cell r="I89" t="str">
            <v>小谷設備工業㈱</v>
          </cell>
          <cell r="J89" t="str">
            <v>神戸市</v>
          </cell>
          <cell r="K89" t="str">
            <v>北区鈴蘭台南町7丁目13-1</v>
          </cell>
          <cell r="L89" t="str">
            <v>小谷　伸一</v>
          </cell>
          <cell r="M89" t="str">
            <v>078-591-1715</v>
          </cell>
          <cell r="N89">
            <v>36242</v>
          </cell>
          <cell r="O89">
            <v>44103</v>
          </cell>
        </row>
        <row r="90">
          <cell r="G90">
            <v>88</v>
          </cell>
          <cell r="I90" t="str">
            <v>小芦建設株式会社</v>
          </cell>
          <cell r="J90" t="str">
            <v>加西市</v>
          </cell>
          <cell r="K90" t="str">
            <v>中富町932-4</v>
          </cell>
          <cell r="L90" t="str">
            <v>小芦孝彦</v>
          </cell>
          <cell r="M90" t="str">
            <v>44-0524</v>
          </cell>
          <cell r="N90">
            <v>36242</v>
          </cell>
          <cell r="O90">
            <v>44103</v>
          </cell>
          <cell r="P90">
            <v>45930</v>
          </cell>
          <cell r="Q90">
            <v>47756</v>
          </cell>
        </row>
        <row r="91">
          <cell r="G91">
            <v>89</v>
          </cell>
          <cell r="I91" t="str">
            <v>岡田電気商会</v>
          </cell>
          <cell r="J91" t="str">
            <v>加西市</v>
          </cell>
          <cell r="K91" t="str">
            <v>青野町345</v>
          </cell>
          <cell r="L91" t="str">
            <v>岡田和哉</v>
          </cell>
          <cell r="M91" t="str">
            <v>45-0570</v>
          </cell>
          <cell r="N91">
            <v>36242</v>
          </cell>
          <cell r="O91">
            <v>44103</v>
          </cell>
          <cell r="P91">
            <v>45930</v>
          </cell>
          <cell r="Q91">
            <v>47756</v>
          </cell>
        </row>
        <row r="92">
          <cell r="G92">
            <v>90</v>
          </cell>
          <cell r="I92" t="str">
            <v>堀江電機</v>
          </cell>
          <cell r="J92" t="str">
            <v>加西市</v>
          </cell>
          <cell r="K92" t="str">
            <v>上野町415-1</v>
          </cell>
          <cell r="L92" t="str">
            <v>堀江圭一</v>
          </cell>
          <cell r="M92" t="str">
            <v>44-1108</v>
          </cell>
          <cell r="N92">
            <v>36242</v>
          </cell>
          <cell r="O92">
            <v>44103</v>
          </cell>
          <cell r="P92">
            <v>45930</v>
          </cell>
          <cell r="Q92">
            <v>47756</v>
          </cell>
        </row>
        <row r="93">
          <cell r="G93">
            <v>91</v>
          </cell>
          <cell r="I93" t="str">
            <v>竹内電気株式会社</v>
          </cell>
          <cell r="J93" t="str">
            <v>加西市</v>
          </cell>
          <cell r="K93" t="str">
            <v>上道山町34-3，35-3</v>
          </cell>
          <cell r="L93" t="str">
            <v>竹内克彦</v>
          </cell>
          <cell r="M93" t="str">
            <v>44-1189</v>
          </cell>
          <cell r="N93">
            <v>36242</v>
          </cell>
          <cell r="O93">
            <v>44103</v>
          </cell>
          <cell r="P93">
            <v>45930</v>
          </cell>
          <cell r="Q93">
            <v>47756</v>
          </cell>
        </row>
        <row r="94">
          <cell r="G94">
            <v>92</v>
          </cell>
          <cell r="H94" t="str">
            <v>㈲</v>
          </cell>
          <cell r="I94" t="str">
            <v>フクエイハウス</v>
          </cell>
          <cell r="J94" t="str">
            <v>加西市</v>
          </cell>
          <cell r="K94" t="str">
            <v>福居町11</v>
          </cell>
          <cell r="L94" t="str">
            <v>福本俊彦</v>
          </cell>
          <cell r="M94" t="str">
            <v>43-1589</v>
          </cell>
          <cell r="N94">
            <v>36242</v>
          </cell>
          <cell r="O94">
            <v>44103</v>
          </cell>
        </row>
        <row r="95">
          <cell r="G95">
            <v>93</v>
          </cell>
          <cell r="I95" t="str">
            <v>建部工業㈱</v>
          </cell>
          <cell r="J95" t="str">
            <v>加古川市</v>
          </cell>
          <cell r="K95" t="str">
            <v>別府町新野辺新堀通1274-1</v>
          </cell>
          <cell r="L95" t="str">
            <v>建部　成之</v>
          </cell>
          <cell r="M95" t="str">
            <v>0794-35-1261</v>
          </cell>
          <cell r="N95">
            <v>36242</v>
          </cell>
          <cell r="O95">
            <v>44103</v>
          </cell>
        </row>
        <row r="96">
          <cell r="G96">
            <v>94</v>
          </cell>
          <cell r="I96" t="str">
            <v>ヤマサ設備工業株式会社</v>
          </cell>
          <cell r="J96" t="str">
            <v>姫路市</v>
          </cell>
          <cell r="K96" t="str">
            <v>網干区和久387-5</v>
          </cell>
          <cell r="L96" t="str">
            <v>福尾比呂志</v>
          </cell>
          <cell r="M96" t="str">
            <v>079-273-5011</v>
          </cell>
          <cell r="N96">
            <v>36342</v>
          </cell>
          <cell r="O96">
            <v>44468</v>
          </cell>
          <cell r="P96">
            <v>46295</v>
          </cell>
          <cell r="Q96">
            <v>48121</v>
          </cell>
        </row>
        <row r="97">
          <cell r="G97">
            <v>95</v>
          </cell>
          <cell r="H97" t="str">
            <v>㈲</v>
          </cell>
          <cell r="I97" t="str">
            <v>三信電気設備</v>
          </cell>
          <cell r="J97" t="str">
            <v>加西市</v>
          </cell>
          <cell r="K97" t="str">
            <v>殿原町866-4</v>
          </cell>
          <cell r="L97" t="str">
            <v>高見義人</v>
          </cell>
          <cell r="M97" t="str">
            <v>44-2114</v>
          </cell>
          <cell r="N97">
            <v>36342</v>
          </cell>
          <cell r="O97">
            <v>44468</v>
          </cell>
        </row>
        <row r="98">
          <cell r="G98">
            <v>96</v>
          </cell>
          <cell r="H98" t="str">
            <v>㈲</v>
          </cell>
          <cell r="I98" t="str">
            <v>内橋電気</v>
          </cell>
          <cell r="J98" t="str">
            <v>加西市</v>
          </cell>
          <cell r="K98" t="str">
            <v>別所町258-1</v>
          </cell>
          <cell r="L98" t="str">
            <v>内橋一雄</v>
          </cell>
          <cell r="M98" t="str">
            <v>44-1046</v>
          </cell>
          <cell r="N98">
            <v>36342</v>
          </cell>
          <cell r="O98">
            <v>44468</v>
          </cell>
          <cell r="P98">
            <v>46295</v>
          </cell>
          <cell r="Q98">
            <v>48121</v>
          </cell>
        </row>
        <row r="99">
          <cell r="G99">
            <v>97</v>
          </cell>
          <cell r="I99" t="str">
            <v>内橋管工</v>
          </cell>
          <cell r="J99" t="str">
            <v>西脇市</v>
          </cell>
          <cell r="K99" t="str">
            <v>和布町56</v>
          </cell>
          <cell r="L99" t="str">
            <v>内橋敏雄</v>
          </cell>
          <cell r="M99" t="str">
            <v>0795-23-0123</v>
          </cell>
          <cell r="N99">
            <v>36342</v>
          </cell>
          <cell r="O99">
            <v>44468</v>
          </cell>
        </row>
        <row r="100">
          <cell r="G100">
            <v>98</v>
          </cell>
          <cell r="I100" t="str">
            <v>ベネッセ水設㈲</v>
          </cell>
          <cell r="J100" t="str">
            <v>加古川市</v>
          </cell>
          <cell r="K100" t="str">
            <v>上荘町都台2丁目3-5</v>
          </cell>
          <cell r="L100" t="str">
            <v>吉田和敏</v>
          </cell>
          <cell r="M100" t="str">
            <v>0794-28-1641</v>
          </cell>
          <cell r="N100">
            <v>36515</v>
          </cell>
          <cell r="O100">
            <v>44468</v>
          </cell>
        </row>
        <row r="101">
          <cell r="G101">
            <v>99</v>
          </cell>
          <cell r="H101" t="str">
            <v>㈱</v>
          </cell>
          <cell r="I101" t="str">
            <v>中山水設</v>
          </cell>
          <cell r="J101" t="str">
            <v>高砂市</v>
          </cell>
          <cell r="K101" t="str">
            <v>緑丘2丁目4番5号</v>
          </cell>
          <cell r="L101" t="str">
            <v>中山京子</v>
          </cell>
          <cell r="M101" t="str">
            <v>0794-43-0786</v>
          </cell>
          <cell r="N101">
            <v>36342</v>
          </cell>
          <cell r="O101">
            <v>44468</v>
          </cell>
        </row>
        <row r="102">
          <cell r="G102">
            <v>100</v>
          </cell>
          <cell r="H102" t="str">
            <v>㈲</v>
          </cell>
          <cell r="I102" t="str">
            <v>カケイ設備</v>
          </cell>
          <cell r="J102" t="str">
            <v>加西市</v>
          </cell>
          <cell r="K102" t="str">
            <v>網引町739</v>
          </cell>
          <cell r="L102" t="str">
            <v>筧　勝也</v>
          </cell>
          <cell r="M102" t="str">
            <v>49-0284</v>
          </cell>
          <cell r="N102">
            <v>36342</v>
          </cell>
          <cell r="O102">
            <v>44468</v>
          </cell>
          <cell r="P102">
            <v>46295</v>
          </cell>
          <cell r="Q102">
            <v>48121</v>
          </cell>
        </row>
        <row r="103">
          <cell r="G103">
            <v>101</v>
          </cell>
          <cell r="H103" t="str">
            <v>㈱</v>
          </cell>
          <cell r="I103" t="str">
            <v>大西ｴﾝｼﾞﾆｱﾘﾝｸﾞ</v>
          </cell>
          <cell r="J103" t="str">
            <v>高砂市</v>
          </cell>
          <cell r="K103" t="str">
            <v>阿弥陀町阿弥陀2378</v>
          </cell>
          <cell r="L103" t="str">
            <v>大西敏男</v>
          </cell>
          <cell r="M103" t="str">
            <v>0794-47-3052</v>
          </cell>
          <cell r="N103">
            <v>36515</v>
          </cell>
          <cell r="O103">
            <v>44468</v>
          </cell>
        </row>
        <row r="104">
          <cell r="G104">
            <v>102</v>
          </cell>
          <cell r="I104" t="str">
            <v>河合産業㈱</v>
          </cell>
          <cell r="J104" t="str">
            <v>高砂市</v>
          </cell>
          <cell r="K104" t="str">
            <v>伊保港町2丁目8-14</v>
          </cell>
          <cell r="L104" t="str">
            <v>廣岡英一郎</v>
          </cell>
          <cell r="M104" t="str">
            <v>0794-47-3181</v>
          </cell>
          <cell r="N104">
            <v>36424</v>
          </cell>
          <cell r="O104">
            <v>44468</v>
          </cell>
        </row>
        <row r="105">
          <cell r="G105">
            <v>103</v>
          </cell>
          <cell r="H105" t="str">
            <v>㈱</v>
          </cell>
          <cell r="I105" t="str">
            <v>ニシヤマ設備</v>
          </cell>
          <cell r="J105" t="str">
            <v>加東市</v>
          </cell>
          <cell r="K105" t="str">
            <v>天神281</v>
          </cell>
          <cell r="L105" t="str">
            <v>西山俊男</v>
          </cell>
          <cell r="M105" t="str">
            <v>0795-47-1237</v>
          </cell>
          <cell r="N105">
            <v>36424</v>
          </cell>
          <cell r="O105">
            <v>44468</v>
          </cell>
        </row>
        <row r="106">
          <cell r="G106">
            <v>104</v>
          </cell>
          <cell r="I106" t="str">
            <v>上野設備工業株式会社</v>
          </cell>
          <cell r="J106" t="str">
            <v>揖保郡</v>
          </cell>
          <cell r="K106" t="str">
            <v>太子町東保465-1</v>
          </cell>
          <cell r="L106" t="str">
            <v>上野勇樹</v>
          </cell>
          <cell r="M106" t="str">
            <v>079-276-2446</v>
          </cell>
          <cell r="N106">
            <v>36424</v>
          </cell>
          <cell r="O106">
            <v>44468</v>
          </cell>
          <cell r="P106">
            <v>46295</v>
          </cell>
          <cell r="Q106">
            <v>48121</v>
          </cell>
        </row>
        <row r="107">
          <cell r="G107">
            <v>105</v>
          </cell>
          <cell r="I107" t="str">
            <v>大吉住研㈱</v>
          </cell>
          <cell r="J107" t="str">
            <v>姫路市</v>
          </cell>
          <cell r="K107" t="str">
            <v>夢前町前之庄1987-10</v>
          </cell>
          <cell r="L107" t="str">
            <v>大江吉造</v>
          </cell>
          <cell r="M107" t="str">
            <v>079-336-0236</v>
          </cell>
          <cell r="N107">
            <v>36424</v>
          </cell>
          <cell r="O107">
            <v>44468</v>
          </cell>
        </row>
        <row r="108">
          <cell r="G108">
            <v>106</v>
          </cell>
          <cell r="H108" t="str">
            <v>㈱</v>
          </cell>
          <cell r="I108" t="str">
            <v>大西建設</v>
          </cell>
          <cell r="J108" t="str">
            <v>加西市</v>
          </cell>
          <cell r="K108" t="str">
            <v>上道山町866</v>
          </cell>
          <cell r="L108" t="str">
            <v>大西正勝</v>
          </cell>
          <cell r="M108" t="str">
            <v>44-0198</v>
          </cell>
          <cell r="N108">
            <v>36424</v>
          </cell>
          <cell r="O108">
            <v>44468</v>
          </cell>
        </row>
        <row r="109">
          <cell r="G109">
            <v>107</v>
          </cell>
          <cell r="I109" t="str">
            <v>高井電気設備</v>
          </cell>
          <cell r="J109" t="str">
            <v>神崎郡</v>
          </cell>
          <cell r="K109" t="str">
            <v>福崎町福田206</v>
          </cell>
          <cell r="L109" t="str">
            <v>高井信太</v>
          </cell>
          <cell r="M109" t="str">
            <v>22-1258</v>
          </cell>
          <cell r="N109">
            <v>36424</v>
          </cell>
          <cell r="O109">
            <v>44468</v>
          </cell>
        </row>
        <row r="110">
          <cell r="G110">
            <v>108</v>
          </cell>
          <cell r="I110" t="str">
            <v>明治建設</v>
          </cell>
          <cell r="J110" t="str">
            <v>加西市</v>
          </cell>
          <cell r="K110" t="str">
            <v>網引町831</v>
          </cell>
          <cell r="L110" t="str">
            <v>河合明治</v>
          </cell>
          <cell r="M110" t="str">
            <v>49-0539</v>
          </cell>
          <cell r="N110">
            <v>36424</v>
          </cell>
          <cell r="O110">
            <v>44468</v>
          </cell>
        </row>
        <row r="111">
          <cell r="G111">
            <v>109</v>
          </cell>
          <cell r="I111" t="str">
            <v>甘中設備工業</v>
          </cell>
          <cell r="J111" t="str">
            <v>加西市</v>
          </cell>
          <cell r="K111" t="str">
            <v>笹倉町247-22</v>
          </cell>
          <cell r="L111" t="str">
            <v>甘中信作</v>
          </cell>
          <cell r="M111" t="str">
            <v>44-0814</v>
          </cell>
          <cell r="N111">
            <v>36424</v>
          </cell>
          <cell r="O111">
            <v>44468</v>
          </cell>
        </row>
        <row r="112">
          <cell r="G112">
            <v>110</v>
          </cell>
          <cell r="I112" t="str">
            <v>藤田水設㈱</v>
          </cell>
          <cell r="J112" t="str">
            <v>加古川市</v>
          </cell>
          <cell r="K112" t="str">
            <v>野口町水足1956</v>
          </cell>
          <cell r="L112" t="str">
            <v>藤田克実</v>
          </cell>
          <cell r="M112" t="str">
            <v>0794-24-0524</v>
          </cell>
          <cell r="N112">
            <v>36424</v>
          </cell>
          <cell r="O112">
            <v>44468</v>
          </cell>
        </row>
        <row r="113">
          <cell r="G113">
            <v>111</v>
          </cell>
          <cell r="H113" t="str">
            <v>㈱</v>
          </cell>
          <cell r="I113" t="str">
            <v>谷商会</v>
          </cell>
          <cell r="J113" t="str">
            <v>加古川市</v>
          </cell>
          <cell r="K113" t="str">
            <v>東神吉町神吉448-1</v>
          </cell>
          <cell r="L113" t="str">
            <v>谷　　晃</v>
          </cell>
          <cell r="M113" t="str">
            <v>0794-31-1015</v>
          </cell>
          <cell r="N113">
            <v>36424</v>
          </cell>
          <cell r="O113">
            <v>44468</v>
          </cell>
        </row>
        <row r="114">
          <cell r="G114">
            <v>112</v>
          </cell>
          <cell r="I114" t="str">
            <v>正井設備</v>
          </cell>
          <cell r="J114" t="str">
            <v>西脇市</v>
          </cell>
          <cell r="K114" t="str">
            <v>黒田庄町喜多343</v>
          </cell>
          <cell r="L114" t="str">
            <v>正井公哉</v>
          </cell>
          <cell r="M114" t="str">
            <v>0795-45-9708</v>
          </cell>
          <cell r="N114">
            <v>36515</v>
          </cell>
          <cell r="O114">
            <v>44468</v>
          </cell>
          <cell r="P114">
            <v>46295</v>
          </cell>
          <cell r="Q114">
            <v>48121</v>
          </cell>
        </row>
        <row r="115">
          <cell r="G115">
            <v>113</v>
          </cell>
          <cell r="I115" t="str">
            <v>西部電建株式会社</v>
          </cell>
          <cell r="J115" t="str">
            <v>西脇市</v>
          </cell>
          <cell r="K115" t="str">
            <v>西脇885-120</v>
          </cell>
          <cell r="L115" t="str">
            <v>金井郁智</v>
          </cell>
          <cell r="M115" t="str">
            <v>0795-22-2451</v>
          </cell>
          <cell r="N115">
            <v>36515</v>
          </cell>
          <cell r="O115">
            <v>44468</v>
          </cell>
          <cell r="P115">
            <v>46295</v>
          </cell>
          <cell r="Q115">
            <v>48121</v>
          </cell>
        </row>
        <row r="116">
          <cell r="G116">
            <v>114</v>
          </cell>
          <cell r="I116" t="str">
            <v>大西設備工業（株）</v>
          </cell>
          <cell r="J116" t="str">
            <v>姫路市</v>
          </cell>
          <cell r="K116" t="str">
            <v>飾磨区今在家字西荒新田1052-9</v>
          </cell>
          <cell r="L116" t="str">
            <v>大西吉一</v>
          </cell>
          <cell r="M116" t="str">
            <v>079-233-0020</v>
          </cell>
          <cell r="N116">
            <v>36515</v>
          </cell>
          <cell r="O116">
            <v>44468</v>
          </cell>
        </row>
        <row r="117">
          <cell r="G117">
            <v>115</v>
          </cell>
          <cell r="I117" t="str">
            <v>久野水道株式会社</v>
          </cell>
          <cell r="J117" t="str">
            <v>三木市</v>
          </cell>
          <cell r="K117" t="str">
            <v>別所町高木40-1</v>
          </cell>
          <cell r="L117" t="str">
            <v>久野大介</v>
          </cell>
          <cell r="M117" t="str">
            <v>0794-82-2153</v>
          </cell>
          <cell r="N117">
            <v>36515</v>
          </cell>
          <cell r="O117">
            <v>44468</v>
          </cell>
          <cell r="P117">
            <v>46295</v>
          </cell>
          <cell r="Q117">
            <v>48121</v>
          </cell>
        </row>
        <row r="118">
          <cell r="G118">
            <v>116</v>
          </cell>
          <cell r="I118" t="str">
            <v>門上建設（株）</v>
          </cell>
          <cell r="J118" t="str">
            <v>西脇市</v>
          </cell>
          <cell r="K118" t="str">
            <v>西脇712-115</v>
          </cell>
          <cell r="L118" t="str">
            <v>門上佳哉</v>
          </cell>
          <cell r="M118" t="str">
            <v>0795-23-1911</v>
          </cell>
          <cell r="N118">
            <v>36615</v>
          </cell>
          <cell r="O118">
            <v>44468</v>
          </cell>
        </row>
        <row r="119">
          <cell r="G119">
            <v>117</v>
          </cell>
          <cell r="H119" t="str">
            <v>㈱</v>
          </cell>
          <cell r="I119" t="str">
            <v>タルイ</v>
          </cell>
          <cell r="J119" t="str">
            <v>加古川市</v>
          </cell>
          <cell r="K119" t="str">
            <v>西神吉町西村324-5</v>
          </cell>
          <cell r="L119" t="str">
            <v>樽井信人</v>
          </cell>
          <cell r="M119" t="str">
            <v>079-432-0061</v>
          </cell>
          <cell r="N119">
            <v>36615</v>
          </cell>
          <cell r="O119">
            <v>44468</v>
          </cell>
          <cell r="P119">
            <v>46295</v>
          </cell>
          <cell r="Q119">
            <v>48121</v>
          </cell>
        </row>
        <row r="120">
          <cell r="G120">
            <v>118</v>
          </cell>
          <cell r="I120" t="str">
            <v>井岡設備工業</v>
          </cell>
          <cell r="J120" t="str">
            <v>姫路市</v>
          </cell>
          <cell r="K120" t="str">
            <v>神子岡前1丁目11-8</v>
          </cell>
          <cell r="L120" t="str">
            <v>井岡彬祐</v>
          </cell>
          <cell r="M120" t="str">
            <v>079-295-9139</v>
          </cell>
          <cell r="N120">
            <v>36615</v>
          </cell>
          <cell r="O120">
            <v>44468</v>
          </cell>
        </row>
        <row r="121">
          <cell r="G121">
            <v>119</v>
          </cell>
          <cell r="I121" t="str">
            <v>和田工務店</v>
          </cell>
          <cell r="J121" t="str">
            <v>加西市</v>
          </cell>
          <cell r="K121" t="str">
            <v>若井町1341</v>
          </cell>
          <cell r="L121" t="str">
            <v>和田守雄</v>
          </cell>
          <cell r="M121" t="str">
            <v>44-1534</v>
          </cell>
          <cell r="N121">
            <v>36615</v>
          </cell>
          <cell r="O121">
            <v>44468</v>
          </cell>
          <cell r="P121">
            <v>46295</v>
          </cell>
          <cell r="Q121">
            <v>48121</v>
          </cell>
        </row>
        <row r="122">
          <cell r="G122">
            <v>120</v>
          </cell>
          <cell r="H122" t="str">
            <v>㈲</v>
          </cell>
          <cell r="I122" t="str">
            <v>森成</v>
          </cell>
          <cell r="J122" t="str">
            <v>西宮市</v>
          </cell>
          <cell r="K122" t="str">
            <v>城ヶ堀町2-21</v>
          </cell>
          <cell r="L122" t="str">
            <v>森山成宏</v>
          </cell>
          <cell r="M122" t="str">
            <v>0798-35-0966</v>
          </cell>
          <cell r="N122">
            <v>36615</v>
          </cell>
          <cell r="O122">
            <v>44468</v>
          </cell>
        </row>
        <row r="123">
          <cell r="G123">
            <v>121</v>
          </cell>
          <cell r="H123" t="str">
            <v>㈱</v>
          </cell>
          <cell r="I123" t="str">
            <v>協和　</v>
          </cell>
          <cell r="J123" t="str">
            <v>川西市</v>
          </cell>
          <cell r="K123" t="str">
            <v>滝山町12-13</v>
          </cell>
          <cell r="L123" t="str">
            <v>石田　誠</v>
          </cell>
          <cell r="M123" t="str">
            <v>072-757-5038</v>
          </cell>
          <cell r="N123">
            <v>36615</v>
          </cell>
          <cell r="O123">
            <v>44468</v>
          </cell>
        </row>
        <row r="124">
          <cell r="G124">
            <v>122</v>
          </cell>
          <cell r="I124" t="str">
            <v>横井設備</v>
          </cell>
          <cell r="J124" t="str">
            <v>加西市</v>
          </cell>
          <cell r="K124" t="str">
            <v>北条町黒駒367-1</v>
          </cell>
          <cell r="L124" t="str">
            <v>横井明文</v>
          </cell>
          <cell r="M124" t="str">
            <v>43-1645</v>
          </cell>
          <cell r="N124">
            <v>36615</v>
          </cell>
          <cell r="O124">
            <v>44468</v>
          </cell>
          <cell r="P124">
            <v>46295</v>
          </cell>
          <cell r="Q124">
            <v>48121</v>
          </cell>
        </row>
        <row r="125">
          <cell r="G125">
            <v>123</v>
          </cell>
          <cell r="H125" t="str">
            <v>㈲</v>
          </cell>
          <cell r="I125" t="str">
            <v>ﾏｯｸｽﾌﾘｰ商事</v>
          </cell>
          <cell r="J125" t="str">
            <v>加東市</v>
          </cell>
          <cell r="K125" t="str">
            <v>木梨896-1</v>
          </cell>
          <cell r="L125" t="str">
            <v>上月勝</v>
          </cell>
          <cell r="M125" t="str">
            <v>0795-42-7074</v>
          </cell>
          <cell r="N125">
            <v>36615</v>
          </cell>
          <cell r="O125">
            <v>44468</v>
          </cell>
        </row>
        <row r="126">
          <cell r="G126">
            <v>124</v>
          </cell>
          <cell r="H126" t="str">
            <v>㈱</v>
          </cell>
          <cell r="I126" t="str">
            <v>播昭</v>
          </cell>
          <cell r="J126" t="str">
            <v>姫路市</v>
          </cell>
          <cell r="K126" t="str">
            <v>城北本町5-30</v>
          </cell>
          <cell r="L126" t="str">
            <v>井上匡明</v>
          </cell>
          <cell r="M126" t="str">
            <v>079-289-8121</v>
          </cell>
          <cell r="N126">
            <v>36615</v>
          </cell>
          <cell r="O126">
            <v>44468</v>
          </cell>
        </row>
        <row r="127">
          <cell r="G127">
            <v>125</v>
          </cell>
          <cell r="H127" t="str">
            <v>㈲</v>
          </cell>
          <cell r="I127" t="str">
            <v>キヌガサ設備工業</v>
          </cell>
          <cell r="J127" t="str">
            <v>加西市</v>
          </cell>
          <cell r="K127" t="str">
            <v>尾崎町411-2</v>
          </cell>
          <cell r="L127" t="str">
            <v>衣笠裕一</v>
          </cell>
          <cell r="M127" t="str">
            <v>48-2177</v>
          </cell>
          <cell r="N127">
            <v>36704</v>
          </cell>
          <cell r="O127">
            <v>44103</v>
          </cell>
          <cell r="P127">
            <v>45930</v>
          </cell>
          <cell r="Q127">
            <v>47756</v>
          </cell>
        </row>
        <row r="128">
          <cell r="G128">
            <v>126</v>
          </cell>
          <cell r="I128" t="str">
            <v>アクアテクノサービス㈱</v>
          </cell>
          <cell r="J128" t="str">
            <v>加東市</v>
          </cell>
          <cell r="K128" t="str">
            <v>山国2019-47</v>
          </cell>
          <cell r="L128" t="str">
            <v>林山　寿美</v>
          </cell>
          <cell r="M128" t="str">
            <v>0795-42-4444</v>
          </cell>
          <cell r="N128">
            <v>36704</v>
          </cell>
          <cell r="O128">
            <v>44468</v>
          </cell>
        </row>
        <row r="129">
          <cell r="G129">
            <v>127</v>
          </cell>
          <cell r="I129" t="str">
            <v>上月設備工業㈱</v>
          </cell>
          <cell r="J129" t="str">
            <v>加東市</v>
          </cell>
          <cell r="K129" t="str">
            <v>社1511-2</v>
          </cell>
          <cell r="L129" t="str">
            <v>上月　昇</v>
          </cell>
          <cell r="M129" t="str">
            <v>0795-42-0059</v>
          </cell>
          <cell r="N129">
            <v>36704</v>
          </cell>
          <cell r="O129">
            <v>44468</v>
          </cell>
        </row>
        <row r="130">
          <cell r="G130">
            <v>128</v>
          </cell>
          <cell r="I130" t="str">
            <v>小林電機商会</v>
          </cell>
          <cell r="J130" t="str">
            <v>加西市</v>
          </cell>
          <cell r="K130" t="str">
            <v>別府町丙35-1</v>
          </cell>
          <cell r="L130" t="str">
            <v>小林康久</v>
          </cell>
          <cell r="M130" t="str">
            <v>47-0064</v>
          </cell>
          <cell r="N130">
            <v>36704</v>
          </cell>
          <cell r="O130">
            <v>44468</v>
          </cell>
          <cell r="P130">
            <v>46295</v>
          </cell>
          <cell r="Q130">
            <v>48121</v>
          </cell>
        </row>
        <row r="131">
          <cell r="G131">
            <v>129</v>
          </cell>
          <cell r="H131" t="str">
            <v>㈲</v>
          </cell>
          <cell r="I131" t="str">
            <v>小林住設</v>
          </cell>
          <cell r="J131" t="str">
            <v>加東市</v>
          </cell>
          <cell r="K131" t="str">
            <v>中古瀬326</v>
          </cell>
          <cell r="L131" t="str">
            <v>小林好一</v>
          </cell>
          <cell r="M131" t="str">
            <v>0795-42-1109</v>
          </cell>
          <cell r="N131">
            <v>36704</v>
          </cell>
          <cell r="O131">
            <v>44468</v>
          </cell>
        </row>
        <row r="132">
          <cell r="G132">
            <v>130</v>
          </cell>
          <cell r="I132" t="str">
            <v>朝比奈興産株式会社</v>
          </cell>
          <cell r="J132" t="str">
            <v>明石市</v>
          </cell>
          <cell r="K132" t="str">
            <v>二見町東二見1457-4</v>
          </cell>
          <cell r="L132" t="str">
            <v>朝比奈秀典</v>
          </cell>
          <cell r="M132" t="str">
            <v>078-942-2666</v>
          </cell>
          <cell r="N132">
            <v>36704</v>
          </cell>
          <cell r="O132">
            <v>44468</v>
          </cell>
          <cell r="P132">
            <v>46295</v>
          </cell>
          <cell r="Q132">
            <v>48121</v>
          </cell>
        </row>
        <row r="133">
          <cell r="G133">
            <v>131</v>
          </cell>
          <cell r="H133" t="str">
            <v>㈱</v>
          </cell>
          <cell r="I133" t="str">
            <v>イワクニ</v>
          </cell>
          <cell r="J133" t="str">
            <v>姫路市</v>
          </cell>
          <cell r="K133" t="str">
            <v>刀出134番地4</v>
          </cell>
          <cell r="L133" t="str">
            <v>岩國学</v>
          </cell>
          <cell r="M133" t="str">
            <v>079-266-7901</v>
          </cell>
          <cell r="N133">
            <v>36704</v>
          </cell>
          <cell r="O133">
            <v>44468</v>
          </cell>
          <cell r="P133">
            <v>46295</v>
          </cell>
          <cell r="Q133">
            <v>48121</v>
          </cell>
        </row>
        <row r="134">
          <cell r="G134">
            <v>132</v>
          </cell>
          <cell r="H134" t="str">
            <v>㈱</v>
          </cell>
          <cell r="I134" t="str">
            <v>播水</v>
          </cell>
          <cell r="J134" t="str">
            <v>姫路市</v>
          </cell>
          <cell r="K134" t="str">
            <v>南条2丁目50</v>
          </cell>
          <cell r="L134" t="str">
            <v>澤田雅一</v>
          </cell>
          <cell r="M134" t="str">
            <v>079-284-2827</v>
          </cell>
          <cell r="N134">
            <v>36704</v>
          </cell>
          <cell r="O134">
            <v>44468</v>
          </cell>
          <cell r="P134">
            <v>46295</v>
          </cell>
          <cell r="Q134">
            <v>48121</v>
          </cell>
        </row>
        <row r="135">
          <cell r="G135">
            <v>133</v>
          </cell>
          <cell r="H135" t="str">
            <v>㈱</v>
          </cell>
          <cell r="I135" t="str">
            <v>モリケン</v>
          </cell>
          <cell r="J135" t="str">
            <v>加西市</v>
          </cell>
          <cell r="K135" t="str">
            <v>野田町95-4</v>
          </cell>
          <cell r="L135" t="str">
            <v>森本忠雄</v>
          </cell>
          <cell r="M135" t="str">
            <v>48-4848</v>
          </cell>
          <cell r="N135">
            <v>36704</v>
          </cell>
          <cell r="O135">
            <v>44468</v>
          </cell>
        </row>
        <row r="136">
          <cell r="G136">
            <v>134</v>
          </cell>
          <cell r="H136" t="str">
            <v>㈲</v>
          </cell>
          <cell r="I136" t="str">
            <v>西脇燃料</v>
          </cell>
          <cell r="J136" t="str">
            <v>西脇市</v>
          </cell>
          <cell r="K136" t="str">
            <v>上野426</v>
          </cell>
          <cell r="L136" t="str">
            <v>梶原清照</v>
          </cell>
          <cell r="M136" t="str">
            <v>0795-22-6320</v>
          </cell>
          <cell r="N136">
            <v>36704</v>
          </cell>
          <cell r="O136">
            <v>44468</v>
          </cell>
        </row>
        <row r="137">
          <cell r="G137">
            <v>135</v>
          </cell>
          <cell r="I137" t="str">
            <v>優　設　備</v>
          </cell>
          <cell r="J137" t="str">
            <v>加東市</v>
          </cell>
          <cell r="K137" t="str">
            <v>社町上三草469</v>
          </cell>
          <cell r="L137" t="str">
            <v>西山　優</v>
          </cell>
          <cell r="M137" t="str">
            <v>0795-42-2388</v>
          </cell>
          <cell r="N137">
            <v>36704</v>
          </cell>
          <cell r="O137">
            <v>44468</v>
          </cell>
        </row>
        <row r="138">
          <cell r="G138">
            <v>136</v>
          </cell>
          <cell r="H138" t="str">
            <v>㈲</v>
          </cell>
          <cell r="I138" t="str">
            <v>松本水道</v>
          </cell>
          <cell r="J138" t="str">
            <v>神戸市</v>
          </cell>
          <cell r="K138" t="str">
            <v>長田区大丸町2丁目12-11</v>
          </cell>
          <cell r="L138" t="str">
            <v>松本幸雄</v>
          </cell>
          <cell r="M138" t="str">
            <v>078-641-9070</v>
          </cell>
          <cell r="N138">
            <v>36791</v>
          </cell>
          <cell r="O138">
            <v>44468</v>
          </cell>
        </row>
        <row r="139">
          <cell r="G139">
            <v>137</v>
          </cell>
          <cell r="H139" t="str">
            <v>㈱</v>
          </cell>
          <cell r="I139" t="str">
            <v>豊設備商会</v>
          </cell>
          <cell r="J139" t="str">
            <v>高砂市</v>
          </cell>
          <cell r="K139" t="str">
            <v>曽根町484-2</v>
          </cell>
          <cell r="L139" t="str">
            <v>溝口伸一</v>
          </cell>
          <cell r="M139" t="str">
            <v>0794-47-6771</v>
          </cell>
          <cell r="N139">
            <v>36791</v>
          </cell>
          <cell r="O139">
            <v>44468</v>
          </cell>
        </row>
        <row r="140">
          <cell r="G140">
            <v>138</v>
          </cell>
          <cell r="H140" t="str">
            <v>㈱</v>
          </cell>
          <cell r="I140" t="str">
            <v>阪神水道</v>
          </cell>
          <cell r="J140" t="str">
            <v>加古川市</v>
          </cell>
          <cell r="K140" t="str">
            <v>神野町西条1138-3</v>
          </cell>
          <cell r="L140" t="str">
            <v>星本明廣</v>
          </cell>
          <cell r="M140" t="str">
            <v>079-438-8088</v>
          </cell>
          <cell r="N140">
            <v>36791</v>
          </cell>
          <cell r="O140">
            <v>44468</v>
          </cell>
          <cell r="P140">
            <v>46295</v>
          </cell>
          <cell r="Q140">
            <v>48121</v>
          </cell>
        </row>
        <row r="141">
          <cell r="G141">
            <v>139</v>
          </cell>
          <cell r="H141" t="str">
            <v>㈱</v>
          </cell>
          <cell r="I141" t="str">
            <v>日産設備</v>
          </cell>
          <cell r="J141" t="str">
            <v>加古川市</v>
          </cell>
          <cell r="K141" t="str">
            <v>野口町水足515-3</v>
          </cell>
          <cell r="L141" t="str">
            <v>和田久雄</v>
          </cell>
          <cell r="M141" t="str">
            <v>0794-24-3981</v>
          </cell>
          <cell r="N141">
            <v>36791</v>
          </cell>
          <cell r="O141">
            <v>44468</v>
          </cell>
        </row>
        <row r="142">
          <cell r="G142">
            <v>140</v>
          </cell>
          <cell r="I142" t="str">
            <v>神吉設備工業</v>
          </cell>
          <cell r="J142" t="str">
            <v>加古川市</v>
          </cell>
          <cell r="K142" t="str">
            <v>米田町船頭594</v>
          </cell>
          <cell r="L142" t="str">
            <v>神吉節也</v>
          </cell>
          <cell r="M142" t="str">
            <v>0794-31-4146</v>
          </cell>
          <cell r="N142">
            <v>36791</v>
          </cell>
          <cell r="O142">
            <v>44468</v>
          </cell>
        </row>
        <row r="143">
          <cell r="G143">
            <v>141</v>
          </cell>
          <cell r="I143" t="str">
            <v>新盛土木㈱</v>
          </cell>
          <cell r="J143" t="str">
            <v>加西市</v>
          </cell>
          <cell r="K143" t="str">
            <v>北条町黒駒121</v>
          </cell>
          <cell r="L143" t="str">
            <v>塚原　守</v>
          </cell>
          <cell r="M143" t="str">
            <v>42-2791</v>
          </cell>
          <cell r="N143">
            <v>36791</v>
          </cell>
          <cell r="O143">
            <v>44468</v>
          </cell>
        </row>
        <row r="144">
          <cell r="G144">
            <v>142</v>
          </cell>
          <cell r="I144" t="str">
            <v>西部住建㈱</v>
          </cell>
          <cell r="J144" t="str">
            <v>加東市</v>
          </cell>
          <cell r="K144" t="str">
            <v>高岡718-1</v>
          </cell>
          <cell r="L144" t="str">
            <v>下野壽重</v>
          </cell>
          <cell r="M144" t="str">
            <v>0795-48-5500</v>
          </cell>
          <cell r="N144">
            <v>36791</v>
          </cell>
          <cell r="O144">
            <v>44468</v>
          </cell>
        </row>
        <row r="145">
          <cell r="G145">
            <v>143</v>
          </cell>
          <cell r="I145" t="str">
            <v>みずほ加工㈱</v>
          </cell>
          <cell r="J145" t="str">
            <v>神崎郡</v>
          </cell>
          <cell r="K145" t="str">
            <v>大河内町高朝田71-1</v>
          </cell>
          <cell r="L145" t="str">
            <v>渡辺盛雄</v>
          </cell>
          <cell r="M145" t="str">
            <v>0790-34-0781</v>
          </cell>
          <cell r="N145">
            <v>36791</v>
          </cell>
          <cell r="O145">
            <v>44468</v>
          </cell>
        </row>
        <row r="146">
          <cell r="G146">
            <v>144</v>
          </cell>
          <cell r="I146" t="str">
            <v>森永産業㈱</v>
          </cell>
          <cell r="J146" t="str">
            <v>高砂市</v>
          </cell>
          <cell r="K146" t="str">
            <v>米田町米田新351</v>
          </cell>
          <cell r="L146" t="str">
            <v>有元光昭</v>
          </cell>
          <cell r="M146" t="str">
            <v>0794-31-3575</v>
          </cell>
          <cell r="N146">
            <v>36791</v>
          </cell>
          <cell r="O146">
            <v>44468</v>
          </cell>
        </row>
        <row r="147">
          <cell r="G147">
            <v>145</v>
          </cell>
          <cell r="I147" t="str">
            <v>テラマエ設備工業株式会社</v>
          </cell>
          <cell r="J147" t="str">
            <v>姫路市</v>
          </cell>
          <cell r="K147" t="str">
            <v>三左衛門堀東の町14</v>
          </cell>
          <cell r="L147" t="str">
            <v>田中清徳</v>
          </cell>
          <cell r="M147" t="str">
            <v>079-225-7171</v>
          </cell>
          <cell r="N147">
            <v>36791</v>
          </cell>
          <cell r="O147">
            <v>44468</v>
          </cell>
          <cell r="P147">
            <v>46295</v>
          </cell>
          <cell r="Q147">
            <v>48121</v>
          </cell>
        </row>
        <row r="148">
          <cell r="G148">
            <v>146</v>
          </cell>
          <cell r="I148" t="str">
            <v>ナカノ水道㈲</v>
          </cell>
          <cell r="J148" t="str">
            <v>姫路市</v>
          </cell>
          <cell r="K148" t="str">
            <v>飾磨区阿成429</v>
          </cell>
          <cell r="L148" t="str">
            <v>中野正幸</v>
          </cell>
          <cell r="M148" t="str">
            <v>079-234-8215</v>
          </cell>
          <cell r="N148">
            <v>36791</v>
          </cell>
          <cell r="O148">
            <v>44468</v>
          </cell>
        </row>
        <row r="149">
          <cell r="G149">
            <v>147</v>
          </cell>
          <cell r="H149" t="str">
            <v>㈱</v>
          </cell>
          <cell r="I149" t="str">
            <v>フジイ</v>
          </cell>
          <cell r="J149" t="str">
            <v>加東市</v>
          </cell>
          <cell r="K149" t="str">
            <v>吉馬1778-1</v>
          </cell>
          <cell r="L149" t="str">
            <v>高田和樹</v>
          </cell>
          <cell r="M149" t="str">
            <v>0795-42-5225</v>
          </cell>
          <cell r="N149">
            <v>36791</v>
          </cell>
          <cell r="O149">
            <v>44468</v>
          </cell>
        </row>
        <row r="150">
          <cell r="G150">
            <v>148</v>
          </cell>
          <cell r="I150" t="str">
            <v>ふじお水道</v>
          </cell>
          <cell r="J150" t="str">
            <v>姫路市</v>
          </cell>
          <cell r="K150" t="str">
            <v>香寺町中寺259-156</v>
          </cell>
          <cell r="L150" t="str">
            <v>藤尾武彦</v>
          </cell>
          <cell r="M150" t="str">
            <v>079-232-4520</v>
          </cell>
          <cell r="N150">
            <v>36886</v>
          </cell>
          <cell r="O150">
            <v>44468</v>
          </cell>
        </row>
        <row r="151">
          <cell r="G151">
            <v>149</v>
          </cell>
          <cell r="I151" t="str">
            <v>浅野建設</v>
          </cell>
          <cell r="J151" t="str">
            <v>西脇市</v>
          </cell>
          <cell r="K151" t="str">
            <v>黒田庄町喜多703-2</v>
          </cell>
          <cell r="L151" t="str">
            <v>浅野登志雄</v>
          </cell>
          <cell r="M151" t="str">
            <v>079-528-4215</v>
          </cell>
          <cell r="N151">
            <v>36886</v>
          </cell>
          <cell r="O151">
            <v>44468</v>
          </cell>
        </row>
        <row r="152">
          <cell r="G152">
            <v>150</v>
          </cell>
          <cell r="I152" t="str">
            <v>犬賀設備</v>
          </cell>
          <cell r="J152" t="str">
            <v>姫路市</v>
          </cell>
          <cell r="K152" t="str">
            <v>飾磨区三宅2丁目79</v>
          </cell>
          <cell r="L152" t="str">
            <v>犬賀亮一</v>
          </cell>
          <cell r="M152" t="str">
            <v>079-234-3095</v>
          </cell>
          <cell r="N152">
            <v>36886</v>
          </cell>
          <cell r="O152">
            <v>44468</v>
          </cell>
        </row>
        <row r="153">
          <cell r="G153">
            <v>151</v>
          </cell>
          <cell r="I153" t="str">
            <v>伊藤建設工業㈱</v>
          </cell>
          <cell r="J153" t="str">
            <v>姫路市</v>
          </cell>
          <cell r="K153" t="str">
            <v>花田町勅旨179</v>
          </cell>
          <cell r="L153" t="str">
            <v>伊藤正夫</v>
          </cell>
          <cell r="M153" t="str">
            <v>079-253-1100</v>
          </cell>
          <cell r="N153">
            <v>36886</v>
          </cell>
          <cell r="O153">
            <v>44468</v>
          </cell>
        </row>
        <row r="154">
          <cell r="G154">
            <v>152</v>
          </cell>
          <cell r="I154" t="str">
            <v>藤澤工業株式会社</v>
          </cell>
          <cell r="J154" t="str">
            <v>神崎郡</v>
          </cell>
          <cell r="K154" t="str">
            <v>福崎町西田原1946-1</v>
          </cell>
          <cell r="L154" t="str">
            <v>藤澤一歩</v>
          </cell>
          <cell r="M154" t="str">
            <v>0790-22-5597</v>
          </cell>
          <cell r="N154">
            <v>36886</v>
          </cell>
          <cell r="O154">
            <v>44468</v>
          </cell>
          <cell r="P154">
            <v>46295</v>
          </cell>
          <cell r="Q154">
            <v>48121</v>
          </cell>
        </row>
        <row r="155">
          <cell r="G155">
            <v>153</v>
          </cell>
          <cell r="I155" t="str">
            <v>玉田電器</v>
          </cell>
          <cell r="J155" t="str">
            <v>加西市</v>
          </cell>
          <cell r="K155" t="str">
            <v>別府町甲2664-288</v>
          </cell>
          <cell r="L155" t="str">
            <v>玉田芳行</v>
          </cell>
          <cell r="M155" t="str">
            <v>47-1316</v>
          </cell>
          <cell r="N155">
            <v>36978</v>
          </cell>
          <cell r="O155">
            <v>44468</v>
          </cell>
          <cell r="P155">
            <v>46295</v>
          </cell>
          <cell r="Q155">
            <v>48121</v>
          </cell>
        </row>
        <row r="156">
          <cell r="G156">
            <v>154</v>
          </cell>
          <cell r="I156" t="str">
            <v>オシバ電機商会</v>
          </cell>
          <cell r="J156" t="str">
            <v>多可郡</v>
          </cell>
          <cell r="K156" t="str">
            <v>多可町八千代区下野間843</v>
          </cell>
          <cell r="L156" t="str">
            <v>尾芝英幸</v>
          </cell>
          <cell r="M156" t="str">
            <v>0795-37-1211</v>
          </cell>
          <cell r="N156">
            <v>36978</v>
          </cell>
          <cell r="O156">
            <v>44468</v>
          </cell>
        </row>
        <row r="157">
          <cell r="G157">
            <v>155</v>
          </cell>
          <cell r="I157" t="str">
            <v>大西電器</v>
          </cell>
          <cell r="J157" t="str">
            <v>加東市</v>
          </cell>
          <cell r="K157" t="str">
            <v>高岡209</v>
          </cell>
          <cell r="L157" t="str">
            <v>大西孝征</v>
          </cell>
          <cell r="M157" t="str">
            <v>0795-48-9013</v>
          </cell>
          <cell r="N157">
            <v>36978</v>
          </cell>
          <cell r="O157">
            <v>44468</v>
          </cell>
          <cell r="P157">
            <v>46295</v>
          </cell>
          <cell r="Q157">
            <v>48121</v>
          </cell>
        </row>
        <row r="158">
          <cell r="G158">
            <v>156</v>
          </cell>
          <cell r="I158" t="str">
            <v>翔栄設備</v>
          </cell>
          <cell r="J158" t="str">
            <v>加西市</v>
          </cell>
          <cell r="K158" t="str">
            <v>北条町黒駒20-2</v>
          </cell>
          <cell r="L158" t="str">
            <v>岡田秀一</v>
          </cell>
          <cell r="M158" t="str">
            <v>43-1269</v>
          </cell>
          <cell r="N158">
            <v>36978</v>
          </cell>
          <cell r="O158">
            <v>44468</v>
          </cell>
          <cell r="P158">
            <v>46295</v>
          </cell>
          <cell r="Q158">
            <v>48121</v>
          </cell>
        </row>
        <row r="159">
          <cell r="G159">
            <v>157</v>
          </cell>
          <cell r="I159" t="str">
            <v>秋原電工</v>
          </cell>
          <cell r="J159" t="str">
            <v>加東市</v>
          </cell>
          <cell r="K159" t="str">
            <v>北野321番地2</v>
          </cell>
          <cell r="L159" t="str">
            <v>秋原鐵夫</v>
          </cell>
          <cell r="M159" t="str">
            <v>0795-48-3184</v>
          </cell>
          <cell r="N159">
            <v>36978</v>
          </cell>
          <cell r="O159">
            <v>44468</v>
          </cell>
        </row>
        <row r="160">
          <cell r="G160">
            <v>158</v>
          </cell>
          <cell r="H160" t="str">
            <v>㈱</v>
          </cell>
          <cell r="I160" t="str">
            <v>栄設備</v>
          </cell>
          <cell r="J160" t="str">
            <v>加古川市</v>
          </cell>
          <cell r="K160" t="str">
            <v>平岡町中野677-1</v>
          </cell>
          <cell r="L160" t="str">
            <v>東本文夫</v>
          </cell>
          <cell r="M160" t="str">
            <v>079-437-1700</v>
          </cell>
          <cell r="N160">
            <v>36978</v>
          </cell>
          <cell r="O160">
            <v>44468</v>
          </cell>
          <cell r="P160">
            <v>46295</v>
          </cell>
          <cell r="Q160">
            <v>48121</v>
          </cell>
        </row>
        <row r="161">
          <cell r="G161">
            <v>159</v>
          </cell>
          <cell r="I161" t="str">
            <v>渡備建設株式会社</v>
          </cell>
          <cell r="J161" t="str">
            <v>加西市</v>
          </cell>
          <cell r="K161" t="str">
            <v>中山町304</v>
          </cell>
          <cell r="L161" t="str">
            <v>渡邊勝一</v>
          </cell>
          <cell r="M161" t="str">
            <v>46-0339</v>
          </cell>
          <cell r="N161">
            <v>36978</v>
          </cell>
          <cell r="O161">
            <v>44468</v>
          </cell>
          <cell r="P161">
            <v>46295</v>
          </cell>
          <cell r="Q161">
            <v>48121</v>
          </cell>
        </row>
        <row r="162">
          <cell r="G162">
            <v>160</v>
          </cell>
          <cell r="I162" t="str">
            <v>加西電機</v>
          </cell>
          <cell r="J162" t="str">
            <v>加西市</v>
          </cell>
          <cell r="K162" t="str">
            <v>谷町90-3</v>
          </cell>
          <cell r="L162" t="str">
            <v>垣内正弘</v>
          </cell>
          <cell r="M162" t="str">
            <v>43-0678</v>
          </cell>
          <cell r="N162">
            <v>36978</v>
          </cell>
          <cell r="O162">
            <v>44468</v>
          </cell>
          <cell r="P162">
            <v>46295</v>
          </cell>
          <cell r="Q162">
            <v>48121</v>
          </cell>
        </row>
        <row r="163">
          <cell r="G163">
            <v>161</v>
          </cell>
          <cell r="H163" t="str">
            <v>㈲</v>
          </cell>
          <cell r="I163" t="str">
            <v>日東設備工業</v>
          </cell>
          <cell r="J163" t="str">
            <v>加古川市</v>
          </cell>
          <cell r="K163" t="str">
            <v>野口町良野876-1</v>
          </cell>
          <cell r="L163" t="str">
            <v>本岡康一</v>
          </cell>
          <cell r="M163" t="str">
            <v>079-427-1925</v>
          </cell>
          <cell r="N163">
            <v>37069</v>
          </cell>
          <cell r="O163">
            <v>44468</v>
          </cell>
          <cell r="P163">
            <v>46295</v>
          </cell>
          <cell r="Q163">
            <v>48121</v>
          </cell>
        </row>
        <row r="164">
          <cell r="G164">
            <v>162</v>
          </cell>
          <cell r="I164" t="str">
            <v>金本設備</v>
          </cell>
          <cell r="J164" t="str">
            <v>西脇市</v>
          </cell>
          <cell r="K164" t="str">
            <v>野村町49-3</v>
          </cell>
          <cell r="L164" t="str">
            <v>金本光敏</v>
          </cell>
          <cell r="M164" t="str">
            <v>0795-22-7293</v>
          </cell>
          <cell r="N164">
            <v>37069</v>
          </cell>
          <cell r="O164">
            <v>44468</v>
          </cell>
          <cell r="P164">
            <v>46295</v>
          </cell>
          <cell r="Q164">
            <v>48121</v>
          </cell>
        </row>
        <row r="165">
          <cell r="G165">
            <v>163</v>
          </cell>
          <cell r="I165" t="str">
            <v>中島水道設備株式会社</v>
          </cell>
          <cell r="J165" t="str">
            <v>小野市</v>
          </cell>
          <cell r="K165" t="str">
            <v>上本町46-2</v>
          </cell>
          <cell r="L165" t="str">
            <v>中島祐一</v>
          </cell>
          <cell r="M165" t="str">
            <v>0794-62-2613</v>
          </cell>
          <cell r="N165">
            <v>37069</v>
          </cell>
          <cell r="O165">
            <v>44468</v>
          </cell>
          <cell r="P165">
            <v>46295</v>
          </cell>
          <cell r="Q165">
            <v>48121</v>
          </cell>
        </row>
        <row r="166">
          <cell r="G166">
            <v>164</v>
          </cell>
          <cell r="H166" t="str">
            <v>㈱</v>
          </cell>
          <cell r="I166" t="str">
            <v>みどり設備グラッド</v>
          </cell>
          <cell r="J166" t="str">
            <v>小野市</v>
          </cell>
          <cell r="K166" t="str">
            <v>王子町260-1</v>
          </cell>
          <cell r="L166" t="str">
            <v>小林洋一</v>
          </cell>
          <cell r="M166" t="str">
            <v>0794-63-7963</v>
          </cell>
          <cell r="N166">
            <v>37069</v>
          </cell>
          <cell r="O166">
            <v>44468</v>
          </cell>
          <cell r="P166">
            <v>46295</v>
          </cell>
          <cell r="Q166">
            <v>48121</v>
          </cell>
        </row>
        <row r="167">
          <cell r="G167">
            <v>165</v>
          </cell>
          <cell r="H167" t="str">
            <v>㈱</v>
          </cell>
          <cell r="I167" t="str">
            <v>上野設備工業</v>
          </cell>
          <cell r="J167" t="str">
            <v>小野市</v>
          </cell>
          <cell r="K167" t="str">
            <v>下大部町956-2</v>
          </cell>
          <cell r="L167" t="str">
            <v>上野寛之</v>
          </cell>
          <cell r="M167" t="str">
            <v>0794-63-3648</v>
          </cell>
          <cell r="N167">
            <v>37069</v>
          </cell>
          <cell r="O167">
            <v>44468</v>
          </cell>
          <cell r="P167">
            <v>46295</v>
          </cell>
          <cell r="Q167">
            <v>48121</v>
          </cell>
        </row>
        <row r="168">
          <cell r="G168">
            <v>166</v>
          </cell>
          <cell r="H168" t="str">
            <v>㈲</v>
          </cell>
          <cell r="I168" t="str">
            <v>鶴万工業</v>
          </cell>
          <cell r="J168" t="str">
            <v>神戸市</v>
          </cell>
          <cell r="K168" t="str">
            <v>長田区七番町6-25</v>
          </cell>
          <cell r="L168" t="str">
            <v>鶴目伊知郎</v>
          </cell>
          <cell r="M168" t="str">
            <v>078-515-0775</v>
          </cell>
          <cell r="N168">
            <v>37069</v>
          </cell>
          <cell r="O168">
            <v>44468</v>
          </cell>
        </row>
        <row r="169">
          <cell r="G169">
            <v>167</v>
          </cell>
          <cell r="H169" t="str">
            <v>㈲</v>
          </cell>
          <cell r="I169" t="str">
            <v>香川建設</v>
          </cell>
          <cell r="J169" t="str">
            <v>加西市</v>
          </cell>
          <cell r="K169" t="str">
            <v>牛居町480-5</v>
          </cell>
          <cell r="L169" t="str">
            <v>香川茂樹</v>
          </cell>
          <cell r="M169" t="str">
            <v>48-3469</v>
          </cell>
          <cell r="N169">
            <v>37069</v>
          </cell>
          <cell r="O169">
            <v>44468</v>
          </cell>
        </row>
        <row r="170">
          <cell r="G170">
            <v>168</v>
          </cell>
          <cell r="I170" t="str">
            <v>和田株式会社</v>
          </cell>
          <cell r="J170" t="str">
            <v>姫路市</v>
          </cell>
          <cell r="K170" t="str">
            <v>別所町北宿946-1</v>
          </cell>
          <cell r="L170" t="str">
            <v>和田直也</v>
          </cell>
          <cell r="M170" t="str">
            <v>079-252-1849</v>
          </cell>
          <cell r="N170">
            <v>37069</v>
          </cell>
          <cell r="O170">
            <v>44468</v>
          </cell>
          <cell r="P170">
            <v>46295</v>
          </cell>
          <cell r="Q170">
            <v>48121</v>
          </cell>
        </row>
        <row r="171">
          <cell r="G171">
            <v>169</v>
          </cell>
          <cell r="I171" t="str">
            <v>秀宝設備</v>
          </cell>
          <cell r="J171" t="str">
            <v>三木市</v>
          </cell>
          <cell r="K171" t="str">
            <v>別所町石野541</v>
          </cell>
          <cell r="L171" t="str">
            <v>生友英人</v>
          </cell>
          <cell r="M171" t="str">
            <v>0794-83-4556</v>
          </cell>
          <cell r="N171">
            <v>37069</v>
          </cell>
          <cell r="O171">
            <v>44468</v>
          </cell>
        </row>
        <row r="172">
          <cell r="G172">
            <v>170</v>
          </cell>
          <cell r="I172" t="str">
            <v>山下タイル水道工事店</v>
          </cell>
          <cell r="J172" t="str">
            <v>丹波市</v>
          </cell>
          <cell r="K172" t="str">
            <v>山南町野坂5-2</v>
          </cell>
          <cell r="L172" t="str">
            <v>山下康男</v>
          </cell>
          <cell r="M172" t="str">
            <v>0795-77-0374</v>
          </cell>
          <cell r="N172">
            <v>37069</v>
          </cell>
          <cell r="O172">
            <v>44468</v>
          </cell>
        </row>
        <row r="173">
          <cell r="G173">
            <v>171</v>
          </cell>
          <cell r="I173" t="str">
            <v>山野設備</v>
          </cell>
          <cell r="J173" t="str">
            <v>加西市</v>
          </cell>
          <cell r="K173" t="str">
            <v>谷口町495</v>
          </cell>
          <cell r="L173" t="str">
            <v>山野敏明</v>
          </cell>
          <cell r="M173" t="str">
            <v>42-2913</v>
          </cell>
          <cell r="N173">
            <v>37069</v>
          </cell>
          <cell r="O173">
            <v>44468</v>
          </cell>
        </row>
        <row r="174">
          <cell r="G174">
            <v>172</v>
          </cell>
          <cell r="I174" t="str">
            <v>西田設備株式会社</v>
          </cell>
          <cell r="J174" t="str">
            <v>加東市</v>
          </cell>
          <cell r="K174" t="str">
            <v>家原537-1</v>
          </cell>
          <cell r="L174" t="str">
            <v>西田健二</v>
          </cell>
          <cell r="M174" t="str">
            <v>0795-42-2562</v>
          </cell>
          <cell r="N174">
            <v>37161</v>
          </cell>
          <cell r="O174">
            <v>44468</v>
          </cell>
          <cell r="P174">
            <v>46295</v>
          </cell>
          <cell r="Q174">
            <v>48121</v>
          </cell>
        </row>
        <row r="175">
          <cell r="G175">
            <v>173</v>
          </cell>
          <cell r="H175" t="str">
            <v>㈲</v>
          </cell>
          <cell r="I175" t="str">
            <v>福水工業</v>
          </cell>
          <cell r="J175" t="str">
            <v>神崎郡</v>
          </cell>
          <cell r="K175" t="str">
            <v>福崎町西田原1512-5</v>
          </cell>
          <cell r="L175" t="str">
            <v>種田英昭</v>
          </cell>
          <cell r="M175" t="str">
            <v>0790-22-1266</v>
          </cell>
          <cell r="N175">
            <v>37161</v>
          </cell>
          <cell r="O175">
            <v>44468</v>
          </cell>
          <cell r="P175">
            <v>46295</v>
          </cell>
          <cell r="Q175">
            <v>48121</v>
          </cell>
        </row>
        <row r="176">
          <cell r="G176">
            <v>174</v>
          </cell>
          <cell r="H176" t="str">
            <v>㈱</v>
          </cell>
          <cell r="I176" t="str">
            <v>イナサン</v>
          </cell>
          <cell r="J176" t="str">
            <v>加古川市</v>
          </cell>
          <cell r="K176" t="str">
            <v>加古川町平野79-3-609</v>
          </cell>
          <cell r="L176" t="str">
            <v>藤本千秋</v>
          </cell>
          <cell r="M176" t="str">
            <v>0794-22-5588</v>
          </cell>
          <cell r="N176">
            <v>37161</v>
          </cell>
          <cell r="O176">
            <v>44468</v>
          </cell>
        </row>
        <row r="177">
          <cell r="G177">
            <v>175</v>
          </cell>
          <cell r="I177" t="str">
            <v>栗山電機㈱</v>
          </cell>
          <cell r="J177" t="str">
            <v>加古川市</v>
          </cell>
          <cell r="K177" t="str">
            <v>志方町細工所557</v>
          </cell>
          <cell r="L177" t="str">
            <v>栗山雅博</v>
          </cell>
          <cell r="M177" t="str">
            <v>0794-52-1327</v>
          </cell>
          <cell r="N177">
            <v>37161</v>
          </cell>
          <cell r="O177">
            <v>44468</v>
          </cell>
        </row>
        <row r="178">
          <cell r="G178">
            <v>176</v>
          </cell>
          <cell r="H178" t="str">
            <v>㈲</v>
          </cell>
          <cell r="I178" t="str">
            <v>田上ｳｫｰﾀｰｻｰﾋﾞｽ</v>
          </cell>
          <cell r="J178" t="str">
            <v>加東市</v>
          </cell>
          <cell r="K178" t="str">
            <v>沢部797-1</v>
          </cell>
          <cell r="L178" t="str">
            <v>田上　勇</v>
          </cell>
          <cell r="M178" t="str">
            <v>0795-42-3572</v>
          </cell>
          <cell r="N178">
            <v>37161</v>
          </cell>
          <cell r="O178">
            <v>44468</v>
          </cell>
          <cell r="P178">
            <v>46295</v>
          </cell>
          <cell r="Q178">
            <v>48121</v>
          </cell>
        </row>
        <row r="179">
          <cell r="G179">
            <v>177</v>
          </cell>
          <cell r="I179" t="str">
            <v>後藤電気株式会社</v>
          </cell>
          <cell r="J179" t="str">
            <v>神崎郡</v>
          </cell>
          <cell r="K179" t="str">
            <v>市川町西田中444-1</v>
          </cell>
          <cell r="L179" t="str">
            <v>後藤和樹</v>
          </cell>
          <cell r="M179" t="str">
            <v>0790-26-0152</v>
          </cell>
          <cell r="N179">
            <v>37161</v>
          </cell>
          <cell r="O179">
            <v>44468</v>
          </cell>
          <cell r="P179">
            <v>46295</v>
          </cell>
          <cell r="Q179">
            <v>48121</v>
          </cell>
        </row>
        <row r="180">
          <cell r="G180">
            <v>178</v>
          </cell>
          <cell r="H180" t="str">
            <v>㈲</v>
          </cell>
          <cell r="I180" t="str">
            <v>カワ土木興業</v>
          </cell>
          <cell r="J180" t="str">
            <v>加古川市</v>
          </cell>
          <cell r="K180" t="str">
            <v>加古川町北在家149-1</v>
          </cell>
          <cell r="L180" t="str">
            <v>河　正治</v>
          </cell>
          <cell r="M180" t="str">
            <v>0794-22-8282</v>
          </cell>
          <cell r="N180">
            <v>37161</v>
          </cell>
          <cell r="O180">
            <v>44468</v>
          </cell>
        </row>
        <row r="181">
          <cell r="G181">
            <v>179</v>
          </cell>
          <cell r="H181" t="str">
            <v>㈱</v>
          </cell>
          <cell r="I181" t="str">
            <v>鬼武設備</v>
          </cell>
          <cell r="J181" t="str">
            <v>加古川市</v>
          </cell>
          <cell r="K181" t="str">
            <v>平岡町新在家424-2</v>
          </cell>
          <cell r="L181" t="str">
            <v>鬼武浩志</v>
          </cell>
          <cell r="M181" t="str">
            <v>0794-21-8975</v>
          </cell>
          <cell r="N181">
            <v>37161</v>
          </cell>
          <cell r="O181">
            <v>44468</v>
          </cell>
        </row>
        <row r="182">
          <cell r="G182">
            <v>180</v>
          </cell>
          <cell r="I182" t="str">
            <v>桜井設備工業株式会社</v>
          </cell>
          <cell r="J182" t="str">
            <v>加古川市</v>
          </cell>
          <cell r="K182" t="str">
            <v>神野町石守417-6</v>
          </cell>
          <cell r="L182" t="str">
            <v>櫻井利記</v>
          </cell>
          <cell r="M182" t="str">
            <v>079-424-5110</v>
          </cell>
          <cell r="N182">
            <v>37161</v>
          </cell>
          <cell r="O182">
            <v>44468</v>
          </cell>
          <cell r="P182">
            <v>46295</v>
          </cell>
          <cell r="Q182">
            <v>48121</v>
          </cell>
        </row>
        <row r="183">
          <cell r="G183">
            <v>181</v>
          </cell>
          <cell r="I183" t="str">
            <v>平石電気工事</v>
          </cell>
          <cell r="J183" t="str">
            <v>姫路市</v>
          </cell>
          <cell r="K183" t="str">
            <v>西中島57-5</v>
          </cell>
          <cell r="L183" t="str">
            <v>平石信哉</v>
          </cell>
          <cell r="M183" t="str">
            <v>079-224-2794</v>
          </cell>
          <cell r="N183">
            <v>37253</v>
          </cell>
          <cell r="O183">
            <v>44468</v>
          </cell>
        </row>
        <row r="184">
          <cell r="G184">
            <v>182</v>
          </cell>
          <cell r="I184" t="str">
            <v>フジタ住設</v>
          </cell>
          <cell r="J184" t="str">
            <v>姫路市</v>
          </cell>
          <cell r="K184" t="str">
            <v>山田町多田1140-3</v>
          </cell>
          <cell r="L184" t="str">
            <v>藤田泰孝</v>
          </cell>
          <cell r="M184" t="str">
            <v>079-263-2855</v>
          </cell>
          <cell r="N184">
            <v>37253</v>
          </cell>
          <cell r="O184">
            <v>44468</v>
          </cell>
        </row>
        <row r="185">
          <cell r="G185">
            <v>183</v>
          </cell>
          <cell r="H185" t="str">
            <v>㈲</v>
          </cell>
          <cell r="I185" t="str">
            <v>アール設備設計</v>
          </cell>
          <cell r="J185" t="str">
            <v>三木市</v>
          </cell>
          <cell r="K185" t="str">
            <v>自由が丘本町3-172-2</v>
          </cell>
          <cell r="L185" t="str">
            <v>西口龍馬</v>
          </cell>
          <cell r="M185" t="str">
            <v>0794-82-4478</v>
          </cell>
          <cell r="N185">
            <v>37253</v>
          </cell>
          <cell r="O185">
            <v>44468</v>
          </cell>
        </row>
        <row r="186">
          <cell r="G186">
            <v>184</v>
          </cell>
          <cell r="I186" t="str">
            <v>小林設備工業有限会社</v>
          </cell>
          <cell r="J186" t="str">
            <v>小野市</v>
          </cell>
          <cell r="K186" t="str">
            <v>河合西町238</v>
          </cell>
          <cell r="L186" t="str">
            <v>小林嘉幸</v>
          </cell>
          <cell r="M186" t="str">
            <v>0794-66-2355</v>
          </cell>
          <cell r="N186">
            <v>37253</v>
          </cell>
          <cell r="O186">
            <v>44468</v>
          </cell>
          <cell r="P186">
            <v>46295</v>
          </cell>
          <cell r="Q186">
            <v>48121</v>
          </cell>
        </row>
        <row r="187">
          <cell r="G187">
            <v>185</v>
          </cell>
          <cell r="H187" t="str">
            <v>㈱</v>
          </cell>
          <cell r="I187" t="str">
            <v>松尾電機</v>
          </cell>
          <cell r="J187" t="str">
            <v>西脇市</v>
          </cell>
          <cell r="K187" t="str">
            <v>上比延町243-186</v>
          </cell>
          <cell r="L187" t="str">
            <v>松尾展光</v>
          </cell>
          <cell r="M187" t="str">
            <v>0795-23-3186</v>
          </cell>
          <cell r="N187">
            <v>37253</v>
          </cell>
          <cell r="O187">
            <v>44468</v>
          </cell>
          <cell r="P187">
            <v>46295</v>
          </cell>
          <cell r="Q187">
            <v>48121</v>
          </cell>
        </row>
        <row r="188">
          <cell r="G188">
            <v>186</v>
          </cell>
          <cell r="I188" t="str">
            <v>酒見電機㈱</v>
          </cell>
          <cell r="J188" t="str">
            <v>加西市</v>
          </cell>
          <cell r="K188" t="str">
            <v>北条町北条1090-2</v>
          </cell>
          <cell r="L188" t="str">
            <v>堀尾善満</v>
          </cell>
          <cell r="M188" t="str">
            <v>42-0301</v>
          </cell>
          <cell r="N188">
            <v>37253</v>
          </cell>
          <cell r="O188">
            <v>44468</v>
          </cell>
        </row>
        <row r="189">
          <cell r="G189">
            <v>187</v>
          </cell>
          <cell r="H189" t="str">
            <v>㈱</v>
          </cell>
          <cell r="I189" t="str">
            <v>不二商会</v>
          </cell>
          <cell r="J189" t="str">
            <v>加古川市</v>
          </cell>
          <cell r="K189" t="str">
            <v>別府町新野辺北町5丁目98</v>
          </cell>
          <cell r="L189" t="str">
            <v>松本孝司</v>
          </cell>
          <cell r="M189" t="str">
            <v>0794-35-4440</v>
          </cell>
          <cell r="N189">
            <v>37340</v>
          </cell>
          <cell r="O189">
            <v>44468</v>
          </cell>
        </row>
        <row r="190">
          <cell r="G190">
            <v>188</v>
          </cell>
          <cell r="I190" t="str">
            <v>美樹工業株式会社</v>
          </cell>
          <cell r="J190" t="str">
            <v>姫路市</v>
          </cell>
          <cell r="K190" t="str">
            <v>北条951-1</v>
          </cell>
          <cell r="L190" t="str">
            <v>岡田尚一郎</v>
          </cell>
          <cell r="M190" t="str">
            <v>079-281-5151</v>
          </cell>
          <cell r="N190">
            <v>37340</v>
          </cell>
          <cell r="O190">
            <v>44468</v>
          </cell>
          <cell r="P190">
            <v>46295</v>
          </cell>
          <cell r="Q190">
            <v>48121</v>
          </cell>
        </row>
        <row r="191">
          <cell r="G191">
            <v>189</v>
          </cell>
          <cell r="I191" t="str">
            <v>アシダ家電</v>
          </cell>
          <cell r="J191" t="str">
            <v>多可郡</v>
          </cell>
          <cell r="K191" t="str">
            <v>多可町中区奥中303</v>
          </cell>
          <cell r="L191" t="str">
            <v>芦田吉二</v>
          </cell>
          <cell r="M191" t="str">
            <v>0795-32-1058</v>
          </cell>
          <cell r="N191">
            <v>37340</v>
          </cell>
          <cell r="O191">
            <v>44468</v>
          </cell>
        </row>
        <row r="192">
          <cell r="G192">
            <v>190</v>
          </cell>
          <cell r="H192" t="str">
            <v>㈱</v>
          </cell>
          <cell r="I192" t="str">
            <v>アクアクリーン</v>
          </cell>
          <cell r="J192" t="str">
            <v>姫路市</v>
          </cell>
          <cell r="K192" t="str">
            <v>飾磨区今在家1048番地1</v>
          </cell>
          <cell r="L192" t="str">
            <v>久﨑直樹</v>
          </cell>
          <cell r="M192" t="str">
            <v>079-233-0378</v>
          </cell>
          <cell r="N192">
            <v>37340</v>
          </cell>
          <cell r="O192">
            <v>44468</v>
          </cell>
          <cell r="P192">
            <v>46295</v>
          </cell>
          <cell r="Q192">
            <v>48121</v>
          </cell>
        </row>
        <row r="193">
          <cell r="G193">
            <v>191</v>
          </cell>
          <cell r="I193" t="str">
            <v>西和電工</v>
          </cell>
          <cell r="J193" t="str">
            <v>加西市</v>
          </cell>
          <cell r="K193" t="str">
            <v>栄町338</v>
          </cell>
          <cell r="L193" t="str">
            <v>西村　純</v>
          </cell>
          <cell r="M193" t="str">
            <v>49-3251</v>
          </cell>
          <cell r="N193">
            <v>37340</v>
          </cell>
          <cell r="O193">
            <v>44468</v>
          </cell>
          <cell r="P193">
            <v>46295</v>
          </cell>
          <cell r="Q193">
            <v>48121</v>
          </cell>
        </row>
        <row r="194">
          <cell r="G194">
            <v>192</v>
          </cell>
          <cell r="I194" t="str">
            <v>ムネヒロ水道設備</v>
          </cell>
          <cell r="J194" t="str">
            <v>加西市</v>
          </cell>
          <cell r="K194" t="str">
            <v>北条町栗田66-7</v>
          </cell>
          <cell r="L194" t="str">
            <v>棟広宣尊</v>
          </cell>
          <cell r="M194" t="str">
            <v>090-8794-2824</v>
          </cell>
          <cell r="N194">
            <v>37340</v>
          </cell>
          <cell r="O194">
            <v>44468</v>
          </cell>
          <cell r="P194">
            <v>46295</v>
          </cell>
          <cell r="Q194">
            <v>48121</v>
          </cell>
        </row>
        <row r="195">
          <cell r="G195">
            <v>193</v>
          </cell>
          <cell r="I195" t="str">
            <v>西岡建設株式会社</v>
          </cell>
          <cell r="J195" t="str">
            <v>加西市</v>
          </cell>
          <cell r="K195" t="str">
            <v>三口町132-1</v>
          </cell>
          <cell r="L195" t="str">
            <v>西岡和紀</v>
          </cell>
          <cell r="M195" t="str">
            <v>48-2343</v>
          </cell>
          <cell r="N195">
            <v>37340</v>
          </cell>
          <cell r="O195">
            <v>44468</v>
          </cell>
          <cell r="P195">
            <v>46295</v>
          </cell>
          <cell r="Q195">
            <v>48121</v>
          </cell>
        </row>
        <row r="196">
          <cell r="G196">
            <v>194</v>
          </cell>
          <cell r="H196" t="str">
            <v>㈲</v>
          </cell>
          <cell r="I196" t="str">
            <v>戸田建設</v>
          </cell>
          <cell r="J196" t="str">
            <v>姫路市</v>
          </cell>
          <cell r="K196" t="str">
            <v>砥堀819-8</v>
          </cell>
          <cell r="L196" t="str">
            <v>戸田林一</v>
          </cell>
          <cell r="M196" t="str">
            <v>079-264-0185</v>
          </cell>
          <cell r="N196">
            <v>37431</v>
          </cell>
          <cell r="O196">
            <v>44468</v>
          </cell>
        </row>
        <row r="197">
          <cell r="G197">
            <v>195</v>
          </cell>
          <cell r="I197" t="str">
            <v>京立建材有限会社</v>
          </cell>
          <cell r="J197" t="str">
            <v>多可郡</v>
          </cell>
          <cell r="K197" t="str">
            <v>多可町八千代区下野間894</v>
          </cell>
          <cell r="L197" t="str">
            <v>内橋寛聡</v>
          </cell>
          <cell r="M197" t="str">
            <v>0795-37-0171</v>
          </cell>
          <cell r="N197">
            <v>37431</v>
          </cell>
          <cell r="O197">
            <v>44468</v>
          </cell>
          <cell r="P197">
            <v>46295</v>
          </cell>
          <cell r="Q197">
            <v>48121</v>
          </cell>
        </row>
        <row r="198">
          <cell r="G198">
            <v>196</v>
          </cell>
          <cell r="H198" t="str">
            <v>㈲</v>
          </cell>
          <cell r="I198" t="str">
            <v>橋尾電機商会</v>
          </cell>
          <cell r="J198" t="str">
            <v>多可郡</v>
          </cell>
          <cell r="K198" t="str">
            <v>多可町八千代区大和1031</v>
          </cell>
          <cell r="L198" t="str">
            <v>橋尾彰望</v>
          </cell>
          <cell r="M198" t="str">
            <v>0795-37-2244</v>
          </cell>
          <cell r="N198">
            <v>37431</v>
          </cell>
          <cell r="O198">
            <v>44468</v>
          </cell>
        </row>
        <row r="199">
          <cell r="G199">
            <v>197</v>
          </cell>
          <cell r="H199" t="str">
            <v>㈱</v>
          </cell>
          <cell r="I199" t="str">
            <v>ショーワ</v>
          </cell>
          <cell r="J199" t="str">
            <v>姫路市</v>
          </cell>
          <cell r="K199" t="str">
            <v>飾磨区恵美酒254-2</v>
          </cell>
          <cell r="L199" t="str">
            <v>赤塚心義</v>
          </cell>
          <cell r="M199" t="str">
            <v>079-243-0200</v>
          </cell>
          <cell r="N199">
            <v>37431</v>
          </cell>
          <cell r="O199">
            <v>44468</v>
          </cell>
        </row>
        <row r="200">
          <cell r="G200">
            <v>198</v>
          </cell>
          <cell r="I200" t="str">
            <v>丸正エンジニア</v>
          </cell>
          <cell r="J200" t="str">
            <v>神崎郡</v>
          </cell>
          <cell r="K200" t="str">
            <v>福崎町西田原1616-3</v>
          </cell>
          <cell r="L200" t="str">
            <v>大橋正二</v>
          </cell>
          <cell r="M200" t="str">
            <v>0790-22-4747</v>
          </cell>
          <cell r="N200">
            <v>37431</v>
          </cell>
          <cell r="O200">
            <v>44468</v>
          </cell>
        </row>
        <row r="201">
          <cell r="G201">
            <v>199</v>
          </cell>
          <cell r="H201" t="str">
            <v>㈱</v>
          </cell>
          <cell r="I201" t="str">
            <v>内貴建設</v>
          </cell>
          <cell r="J201" t="str">
            <v>加西市</v>
          </cell>
          <cell r="K201" t="str">
            <v>鴨谷町1239</v>
          </cell>
          <cell r="L201" t="str">
            <v>内藤和樹</v>
          </cell>
          <cell r="M201" t="str">
            <v>44-0234</v>
          </cell>
          <cell r="N201">
            <v>37431</v>
          </cell>
          <cell r="O201">
            <v>44468</v>
          </cell>
        </row>
        <row r="202">
          <cell r="G202">
            <v>200</v>
          </cell>
          <cell r="I202" t="str">
            <v>冨田電気㈱</v>
          </cell>
          <cell r="J202" t="str">
            <v>加東市</v>
          </cell>
          <cell r="K202" t="str">
            <v>松尾562-1</v>
          </cell>
          <cell r="L202" t="str">
            <v>冨田みほ</v>
          </cell>
          <cell r="M202" t="str">
            <v>0795-42-2323</v>
          </cell>
          <cell r="N202">
            <v>37431</v>
          </cell>
          <cell r="O202">
            <v>44468</v>
          </cell>
        </row>
        <row r="203">
          <cell r="G203">
            <v>201</v>
          </cell>
          <cell r="I203" t="str">
            <v>三協</v>
          </cell>
          <cell r="J203" t="str">
            <v>多可郡</v>
          </cell>
          <cell r="K203" t="str">
            <v>多可町中区中安田18-1</v>
          </cell>
          <cell r="L203" t="str">
            <v>伊藤政晴</v>
          </cell>
          <cell r="M203" t="str">
            <v>0795-32-0316</v>
          </cell>
          <cell r="N203">
            <v>37431</v>
          </cell>
          <cell r="O203">
            <v>44468</v>
          </cell>
        </row>
        <row r="204">
          <cell r="G204">
            <v>202</v>
          </cell>
          <cell r="I204" t="str">
            <v>西村石油㈱</v>
          </cell>
          <cell r="J204" t="str">
            <v>加西市</v>
          </cell>
          <cell r="K204" t="str">
            <v>下宮木町456</v>
          </cell>
          <cell r="L204" t="str">
            <v>西村嘉薫</v>
          </cell>
          <cell r="M204" t="str">
            <v>49-1114</v>
          </cell>
          <cell r="N204">
            <v>37431</v>
          </cell>
          <cell r="O204">
            <v>44468</v>
          </cell>
        </row>
        <row r="205">
          <cell r="G205">
            <v>203</v>
          </cell>
          <cell r="I205" t="str">
            <v>早成工業</v>
          </cell>
          <cell r="J205" t="str">
            <v>西脇市</v>
          </cell>
          <cell r="K205" t="str">
            <v>上野町296</v>
          </cell>
          <cell r="L205" t="str">
            <v>西村早代</v>
          </cell>
          <cell r="M205" t="str">
            <v>0795-23-1331</v>
          </cell>
          <cell r="N205">
            <v>37431</v>
          </cell>
          <cell r="O205">
            <v>44468</v>
          </cell>
        </row>
        <row r="206">
          <cell r="G206">
            <v>204</v>
          </cell>
          <cell r="I206" t="str">
            <v>ナイトウ</v>
          </cell>
          <cell r="J206" t="str">
            <v>加西市</v>
          </cell>
          <cell r="K206" t="str">
            <v>北条町栗田443-4</v>
          </cell>
          <cell r="L206" t="str">
            <v>内藤正則</v>
          </cell>
          <cell r="M206" t="str">
            <v>42-3150</v>
          </cell>
          <cell r="N206">
            <v>37431</v>
          </cell>
          <cell r="O206">
            <v>44468</v>
          </cell>
          <cell r="P206">
            <v>46295</v>
          </cell>
          <cell r="Q206">
            <v>48121</v>
          </cell>
        </row>
        <row r="207">
          <cell r="G207">
            <v>205</v>
          </cell>
          <cell r="I207" t="str">
            <v>松岡設備株式会社</v>
          </cell>
          <cell r="J207" t="str">
            <v>神崎郡</v>
          </cell>
          <cell r="K207" t="str">
            <v>福崎町西田原1572番地2</v>
          </cell>
          <cell r="L207" t="str">
            <v>松岡弘明</v>
          </cell>
          <cell r="M207" t="str">
            <v>0790-22-1828</v>
          </cell>
          <cell r="N207">
            <v>37431</v>
          </cell>
          <cell r="O207">
            <v>44468</v>
          </cell>
          <cell r="P207">
            <v>46295</v>
          </cell>
          <cell r="Q207">
            <v>48121</v>
          </cell>
        </row>
        <row r="208">
          <cell r="G208">
            <v>206</v>
          </cell>
          <cell r="H208" t="str">
            <v>㈱</v>
          </cell>
          <cell r="I208" t="str">
            <v>嶋谷</v>
          </cell>
          <cell r="J208" t="str">
            <v>高砂市</v>
          </cell>
          <cell r="K208" t="str">
            <v>美保里8-3</v>
          </cell>
          <cell r="L208" t="str">
            <v>嶋谷拓雄</v>
          </cell>
          <cell r="M208" t="str">
            <v>079-442-8890</v>
          </cell>
          <cell r="N208">
            <v>37431</v>
          </cell>
          <cell r="O208">
            <v>44468</v>
          </cell>
          <cell r="P208">
            <v>46295</v>
          </cell>
          <cell r="Q208">
            <v>48121</v>
          </cell>
        </row>
        <row r="209">
          <cell r="G209">
            <v>207</v>
          </cell>
          <cell r="I209" t="str">
            <v>迎山住設</v>
          </cell>
          <cell r="J209" t="str">
            <v>西脇市</v>
          </cell>
          <cell r="K209" t="str">
            <v>郷瀬町33</v>
          </cell>
          <cell r="L209" t="str">
            <v>迎山弘利</v>
          </cell>
          <cell r="M209" t="str">
            <v>0795-23-1533</v>
          </cell>
          <cell r="N209">
            <v>37705</v>
          </cell>
          <cell r="O209">
            <v>44468</v>
          </cell>
        </row>
        <row r="210">
          <cell r="G210">
            <v>208</v>
          </cell>
          <cell r="H210" t="str">
            <v>㈱</v>
          </cell>
          <cell r="I210" t="str">
            <v>富士技建</v>
          </cell>
          <cell r="J210" t="str">
            <v>西脇市</v>
          </cell>
          <cell r="K210" t="str">
            <v>和田町53</v>
          </cell>
          <cell r="L210" t="str">
            <v>酒井正司</v>
          </cell>
          <cell r="M210" t="str">
            <v>0795-24-7701</v>
          </cell>
          <cell r="N210">
            <v>37525</v>
          </cell>
          <cell r="O210">
            <v>44468</v>
          </cell>
        </row>
        <row r="211">
          <cell r="G211">
            <v>209</v>
          </cell>
          <cell r="H211" t="str">
            <v>㈲</v>
          </cell>
          <cell r="I211" t="str">
            <v>ゴトウハウジング</v>
          </cell>
          <cell r="J211" t="str">
            <v>尼崎市</v>
          </cell>
          <cell r="K211" t="str">
            <v>立花町3丁目32-23</v>
          </cell>
          <cell r="L211" t="str">
            <v xml:space="preserve">後藤達之 </v>
          </cell>
          <cell r="M211" t="str">
            <v>06-6422-4700</v>
          </cell>
          <cell r="N211">
            <v>37525</v>
          </cell>
          <cell r="O211">
            <v>44468</v>
          </cell>
          <cell r="P211">
            <v>46295</v>
          </cell>
          <cell r="Q211">
            <v>48121</v>
          </cell>
        </row>
        <row r="212">
          <cell r="G212">
            <v>210</v>
          </cell>
          <cell r="H212" t="str">
            <v>㈱</v>
          </cell>
          <cell r="I212" t="str">
            <v>堀口</v>
          </cell>
          <cell r="J212" t="str">
            <v>神崎郡</v>
          </cell>
          <cell r="K212" t="str">
            <v>神河町粟賀町466-1</v>
          </cell>
          <cell r="L212" t="str">
            <v>堀口彰一</v>
          </cell>
          <cell r="M212" t="str">
            <v>0790-32-1138</v>
          </cell>
          <cell r="N212">
            <v>37615</v>
          </cell>
          <cell r="O212">
            <v>44468</v>
          </cell>
          <cell r="P212">
            <v>46295</v>
          </cell>
          <cell r="Q212">
            <v>48121</v>
          </cell>
        </row>
        <row r="213">
          <cell r="G213">
            <v>211</v>
          </cell>
          <cell r="I213" t="str">
            <v>平成設備工業株式会社</v>
          </cell>
          <cell r="J213" t="str">
            <v>加東市</v>
          </cell>
          <cell r="K213" t="str">
            <v>社614</v>
          </cell>
          <cell r="L213" t="str">
            <v>上月  清</v>
          </cell>
          <cell r="M213" t="str">
            <v>0795-42-4105</v>
          </cell>
          <cell r="N213">
            <v>37525</v>
          </cell>
          <cell r="O213">
            <v>44468</v>
          </cell>
        </row>
        <row r="214">
          <cell r="G214">
            <v>212</v>
          </cell>
          <cell r="H214" t="str">
            <v>㈲</v>
          </cell>
          <cell r="I214" t="str">
            <v>ｱﾋﾞﾘﾃｨ・西畑</v>
          </cell>
          <cell r="J214" t="str">
            <v>加西市</v>
          </cell>
          <cell r="K214" t="str">
            <v>段下町23番地の４</v>
          </cell>
          <cell r="L214" t="str">
            <v>西畑清春</v>
          </cell>
          <cell r="M214" t="str">
            <v>0790-48-4868</v>
          </cell>
          <cell r="N214">
            <v>37525</v>
          </cell>
          <cell r="O214">
            <v>44468</v>
          </cell>
        </row>
        <row r="215">
          <cell r="G215">
            <v>213</v>
          </cell>
          <cell r="H215" t="str">
            <v>㈱</v>
          </cell>
          <cell r="I215" t="str">
            <v>アオイ設備工業</v>
          </cell>
          <cell r="J215" t="str">
            <v>姫路市</v>
          </cell>
          <cell r="K215" t="str">
            <v>勝原区朝日谷651-1</v>
          </cell>
          <cell r="L215" t="str">
            <v>岡村志郎</v>
          </cell>
          <cell r="M215" t="str">
            <v>079-273-6492</v>
          </cell>
          <cell r="N215">
            <v>37525</v>
          </cell>
          <cell r="O215">
            <v>44468</v>
          </cell>
        </row>
        <row r="216">
          <cell r="G216">
            <v>214</v>
          </cell>
          <cell r="H216" t="str">
            <v>㈱</v>
          </cell>
          <cell r="I216" t="str">
            <v>ダイヤ工業</v>
          </cell>
          <cell r="J216" t="str">
            <v>神戸市</v>
          </cell>
          <cell r="K216" t="str">
            <v>西区福吉台2丁目25番18号</v>
          </cell>
          <cell r="L216" t="str">
            <v>塚野正宣</v>
          </cell>
          <cell r="M216" t="str">
            <v>078-967-0413</v>
          </cell>
          <cell r="N216">
            <v>37615</v>
          </cell>
          <cell r="O216">
            <v>44468</v>
          </cell>
        </row>
        <row r="217">
          <cell r="G217">
            <v>215</v>
          </cell>
          <cell r="H217" t="str">
            <v>㈱</v>
          </cell>
          <cell r="I217" t="str">
            <v>井上デンキ</v>
          </cell>
          <cell r="J217" t="str">
            <v>加東市</v>
          </cell>
          <cell r="K217" t="str">
            <v>河高2482</v>
          </cell>
          <cell r="L217" t="str">
            <v>山本　保</v>
          </cell>
          <cell r="M217" t="str">
            <v>0795-48-2167</v>
          </cell>
          <cell r="N217">
            <v>37615</v>
          </cell>
          <cell r="O217">
            <v>44468</v>
          </cell>
          <cell r="P217">
            <v>46295</v>
          </cell>
          <cell r="Q217">
            <v>48121</v>
          </cell>
        </row>
        <row r="218">
          <cell r="G218">
            <v>216</v>
          </cell>
          <cell r="I218" t="str">
            <v>西播環境整備株式会社</v>
          </cell>
          <cell r="J218" t="str">
            <v>姫路市</v>
          </cell>
          <cell r="K218" t="str">
            <v>広畑区蒲田1丁目1516-7</v>
          </cell>
          <cell r="L218" t="str">
            <v>古川直一</v>
          </cell>
          <cell r="M218" t="str">
            <v>0792-37-0331</v>
          </cell>
          <cell r="N218">
            <v>37615</v>
          </cell>
          <cell r="O218">
            <v>44468</v>
          </cell>
        </row>
        <row r="219">
          <cell r="G219">
            <v>217</v>
          </cell>
          <cell r="I219" t="str">
            <v>西口設備</v>
          </cell>
          <cell r="J219" t="str">
            <v>多可郡</v>
          </cell>
          <cell r="K219" t="str">
            <v>多可町加美区杉原9</v>
          </cell>
          <cell r="L219" t="str">
            <v>西口長宏</v>
          </cell>
          <cell r="M219" t="str">
            <v>0795-36-1160</v>
          </cell>
          <cell r="N219">
            <v>37705</v>
          </cell>
          <cell r="O219">
            <v>44468</v>
          </cell>
          <cell r="P219">
            <v>46295</v>
          </cell>
          <cell r="Q219">
            <v>48121</v>
          </cell>
        </row>
        <row r="220">
          <cell r="G220">
            <v>218</v>
          </cell>
          <cell r="I220" t="str">
            <v>ユタカ建設</v>
          </cell>
          <cell r="J220" t="str">
            <v>加古川市</v>
          </cell>
          <cell r="K220" t="str">
            <v>野口町野口90-2</v>
          </cell>
          <cell r="L220" t="str">
            <v>橘幸治郎</v>
          </cell>
          <cell r="M220" t="str">
            <v>079-427-2675</v>
          </cell>
          <cell r="N220">
            <v>37705</v>
          </cell>
          <cell r="O220">
            <v>44468</v>
          </cell>
          <cell r="P220">
            <v>46295</v>
          </cell>
          <cell r="Q220">
            <v>48121</v>
          </cell>
        </row>
        <row r="221">
          <cell r="G221">
            <v>219</v>
          </cell>
          <cell r="I221" t="str">
            <v>大矢電器</v>
          </cell>
          <cell r="J221" t="str">
            <v>姫路市</v>
          </cell>
          <cell r="K221" t="str">
            <v>坂田町88</v>
          </cell>
          <cell r="L221" t="str">
            <v>尾花幸雄</v>
          </cell>
          <cell r="M221" t="str">
            <v>079-285-0658</v>
          </cell>
          <cell r="N221">
            <v>37705</v>
          </cell>
          <cell r="O221">
            <v>44468</v>
          </cell>
        </row>
        <row r="222">
          <cell r="G222">
            <v>220</v>
          </cell>
          <cell r="I222" t="str">
            <v>イズイ設備</v>
          </cell>
          <cell r="J222" t="str">
            <v>西脇市</v>
          </cell>
          <cell r="K222" t="str">
            <v>日野町17</v>
          </cell>
          <cell r="L222" t="str">
            <v>出井雅浩</v>
          </cell>
          <cell r="M222" t="str">
            <v>0795-22-1061</v>
          </cell>
          <cell r="N222">
            <v>37705</v>
          </cell>
          <cell r="O222">
            <v>44468</v>
          </cell>
          <cell r="P222">
            <v>46295</v>
          </cell>
          <cell r="Q222">
            <v>48121</v>
          </cell>
        </row>
        <row r="223">
          <cell r="G223">
            <v>221</v>
          </cell>
          <cell r="H223" t="str">
            <v>㈱</v>
          </cell>
          <cell r="I223" t="str">
            <v>吉電</v>
          </cell>
          <cell r="J223" t="str">
            <v>西脇市</v>
          </cell>
          <cell r="K223" t="str">
            <v>黒田庄町前坂1545-1</v>
          </cell>
          <cell r="L223" t="str">
            <v>吉岡克巳</v>
          </cell>
          <cell r="M223" t="str">
            <v>0795-25-5867</v>
          </cell>
          <cell r="N223">
            <v>37705</v>
          </cell>
          <cell r="O223">
            <v>44468</v>
          </cell>
        </row>
        <row r="224">
          <cell r="G224">
            <v>222</v>
          </cell>
          <cell r="I224" t="str">
            <v>長谷川電設</v>
          </cell>
          <cell r="J224" t="str">
            <v>西脇市</v>
          </cell>
          <cell r="K224" t="str">
            <v>水尾町62-1</v>
          </cell>
          <cell r="L224" t="str">
            <v>長谷川肇</v>
          </cell>
          <cell r="M224" t="str">
            <v>0795-27-0436</v>
          </cell>
          <cell r="N224">
            <v>37705</v>
          </cell>
          <cell r="O224">
            <v>44468</v>
          </cell>
        </row>
        <row r="225">
          <cell r="G225">
            <v>223</v>
          </cell>
          <cell r="H225" t="str">
            <v>㈱</v>
          </cell>
          <cell r="I225" t="str">
            <v>ケイズワークス</v>
          </cell>
          <cell r="J225" t="str">
            <v>姫路市</v>
          </cell>
          <cell r="K225" t="str">
            <v>東今宿二丁目7番20号</v>
          </cell>
          <cell r="L225" t="str">
            <v>金田廣吉</v>
          </cell>
          <cell r="M225" t="str">
            <v>079-297-1851</v>
          </cell>
          <cell r="N225">
            <v>37705</v>
          </cell>
          <cell r="O225">
            <v>44468</v>
          </cell>
        </row>
        <row r="226">
          <cell r="G226">
            <v>224</v>
          </cell>
          <cell r="H226" t="str">
            <v>㈱</v>
          </cell>
          <cell r="I226" t="str">
            <v>山本工務店</v>
          </cell>
          <cell r="J226" t="str">
            <v>加西市</v>
          </cell>
          <cell r="K226" t="str">
            <v>北条町西南55</v>
          </cell>
          <cell r="L226" t="str">
            <v>山本　豊</v>
          </cell>
          <cell r="M226" t="str">
            <v>42-0627</v>
          </cell>
          <cell r="N226">
            <v>37802</v>
          </cell>
          <cell r="O226">
            <v>44833</v>
          </cell>
          <cell r="P226">
            <v>46660</v>
          </cell>
          <cell r="Q226">
            <v>48487</v>
          </cell>
        </row>
        <row r="227">
          <cell r="G227">
            <v>225</v>
          </cell>
          <cell r="I227" t="str">
            <v>古川設備</v>
          </cell>
          <cell r="J227" t="str">
            <v>姫路市</v>
          </cell>
          <cell r="K227" t="str">
            <v>香寺町矢田部629-9</v>
          </cell>
          <cell r="L227" t="str">
            <v>古川啓介</v>
          </cell>
          <cell r="M227" t="str">
            <v>079-232-1787</v>
          </cell>
          <cell r="N227">
            <v>37802</v>
          </cell>
          <cell r="O227">
            <v>44833</v>
          </cell>
          <cell r="P227">
            <v>46660</v>
          </cell>
          <cell r="Q227">
            <v>48487</v>
          </cell>
        </row>
        <row r="228">
          <cell r="G228">
            <v>226</v>
          </cell>
          <cell r="H228" t="str">
            <v>　</v>
          </cell>
          <cell r="I228" t="str">
            <v>杉本水道株式会社</v>
          </cell>
          <cell r="J228" t="str">
            <v>加古川市</v>
          </cell>
          <cell r="K228" t="str">
            <v>野口町野口515-1</v>
          </cell>
          <cell r="L228" t="str">
            <v>杉本まさみ</v>
          </cell>
          <cell r="M228" t="str">
            <v>0794-24-6372</v>
          </cell>
          <cell r="N228">
            <v>37802</v>
          </cell>
          <cell r="O228">
            <v>44833</v>
          </cell>
        </row>
        <row r="229">
          <cell r="G229">
            <v>227</v>
          </cell>
          <cell r="H229" t="str">
            <v>㈲</v>
          </cell>
          <cell r="I229" t="str">
            <v>住設工業</v>
          </cell>
          <cell r="J229" t="str">
            <v>加古川市</v>
          </cell>
          <cell r="K229" t="str">
            <v>加古川町稲屋53-2</v>
          </cell>
          <cell r="L229" t="str">
            <v>大塚克己</v>
          </cell>
          <cell r="M229" t="str">
            <v>0794-54-5081</v>
          </cell>
          <cell r="N229">
            <v>37894</v>
          </cell>
          <cell r="O229">
            <v>44833</v>
          </cell>
        </row>
        <row r="230">
          <cell r="G230">
            <v>228</v>
          </cell>
          <cell r="I230" t="str">
            <v>寿建設株式会社</v>
          </cell>
          <cell r="J230" t="str">
            <v>西脇市</v>
          </cell>
          <cell r="K230" t="str">
            <v>小坂町177-1</v>
          </cell>
          <cell r="L230" t="str">
            <v>橋本幸治</v>
          </cell>
          <cell r="M230" t="str">
            <v>0795-22-2986</v>
          </cell>
          <cell r="N230">
            <v>37894</v>
          </cell>
          <cell r="O230">
            <v>44833</v>
          </cell>
          <cell r="P230">
            <v>46660</v>
          </cell>
          <cell r="Q230">
            <v>48487</v>
          </cell>
        </row>
        <row r="231">
          <cell r="G231">
            <v>229</v>
          </cell>
          <cell r="I231" t="str">
            <v>大久保デンキ</v>
          </cell>
          <cell r="J231" t="str">
            <v>加東市</v>
          </cell>
          <cell r="K231" t="str">
            <v>上中1-93</v>
          </cell>
          <cell r="L231" t="str">
            <v>大久保尚明</v>
          </cell>
          <cell r="M231" t="str">
            <v>0795-42-3155</v>
          </cell>
          <cell r="N231">
            <v>37894</v>
          </cell>
          <cell r="O231">
            <v>44833</v>
          </cell>
        </row>
        <row r="232">
          <cell r="G232">
            <v>230</v>
          </cell>
          <cell r="H232" t="str">
            <v>㈲</v>
          </cell>
          <cell r="I232" t="str">
            <v>生田電機設備</v>
          </cell>
          <cell r="J232" t="str">
            <v>西脇市</v>
          </cell>
          <cell r="K232" t="str">
            <v>上比延町472</v>
          </cell>
          <cell r="L232" t="str">
            <v>生田和彦</v>
          </cell>
          <cell r="M232" t="str">
            <v>0795-22-0396</v>
          </cell>
          <cell r="N232">
            <v>37894</v>
          </cell>
          <cell r="O232">
            <v>44833</v>
          </cell>
        </row>
        <row r="233">
          <cell r="G233">
            <v>231</v>
          </cell>
          <cell r="I233" t="str">
            <v>ライフ設備</v>
          </cell>
          <cell r="J233" t="str">
            <v>姫路市</v>
          </cell>
          <cell r="K233" t="str">
            <v>網干区津市場689-2</v>
          </cell>
          <cell r="L233" t="str">
            <v>岡部  厚</v>
          </cell>
          <cell r="M233" t="str">
            <v>079-273-8722</v>
          </cell>
          <cell r="N233">
            <v>37894</v>
          </cell>
          <cell r="O233">
            <v>44833</v>
          </cell>
        </row>
        <row r="234">
          <cell r="G234">
            <v>232</v>
          </cell>
          <cell r="I234" t="str">
            <v>さのう百貨住設</v>
          </cell>
          <cell r="J234" t="str">
            <v>神崎郡</v>
          </cell>
          <cell r="K234" t="str">
            <v>市川町屋形863</v>
          </cell>
          <cell r="L234" t="str">
            <v>佐納健三</v>
          </cell>
          <cell r="M234" t="str">
            <v>0790-28-0023</v>
          </cell>
          <cell r="N234">
            <v>37894</v>
          </cell>
          <cell r="O234">
            <v>44833</v>
          </cell>
        </row>
        <row r="235">
          <cell r="G235">
            <v>233</v>
          </cell>
          <cell r="H235" t="str">
            <v>㈱</v>
          </cell>
          <cell r="I235" t="str">
            <v>黒田建設</v>
          </cell>
          <cell r="J235" t="str">
            <v>加西市</v>
          </cell>
          <cell r="K235" t="str">
            <v>鶉野町2195</v>
          </cell>
          <cell r="L235" t="str">
            <v>黒田祐明</v>
          </cell>
          <cell r="M235" t="str">
            <v>0790-49-1778</v>
          </cell>
          <cell r="N235">
            <v>37894</v>
          </cell>
          <cell r="O235">
            <v>44833</v>
          </cell>
          <cell r="P235">
            <v>46660</v>
          </cell>
          <cell r="Q235">
            <v>48487</v>
          </cell>
        </row>
        <row r="236">
          <cell r="G236">
            <v>234</v>
          </cell>
          <cell r="I236" t="str">
            <v>小野燃料株式会社</v>
          </cell>
          <cell r="J236" t="str">
            <v>小野市</v>
          </cell>
          <cell r="K236" t="str">
            <v>復井町326</v>
          </cell>
          <cell r="L236" t="str">
            <v>陰山誠三</v>
          </cell>
          <cell r="M236" t="str">
            <v>0794-66-7201</v>
          </cell>
          <cell r="N236">
            <v>37894</v>
          </cell>
          <cell r="O236">
            <v>44833</v>
          </cell>
        </row>
        <row r="237">
          <cell r="G237">
            <v>235</v>
          </cell>
          <cell r="I237" t="str">
            <v>加地設備機器株式会社</v>
          </cell>
          <cell r="J237" t="str">
            <v>神戸市</v>
          </cell>
          <cell r="K237" t="str">
            <v>須磨区戸政町1丁目1-30</v>
          </cell>
          <cell r="L237" t="str">
            <v>加地正巳</v>
          </cell>
          <cell r="M237" t="str">
            <v>078-733-1662</v>
          </cell>
          <cell r="N237">
            <v>37974</v>
          </cell>
          <cell r="O237">
            <v>44833</v>
          </cell>
        </row>
        <row r="238">
          <cell r="G238">
            <v>236</v>
          </cell>
          <cell r="I238" t="str">
            <v>オオウチ</v>
          </cell>
          <cell r="J238" t="str">
            <v>神戸市</v>
          </cell>
          <cell r="K238" t="str">
            <v>西区伊川谷町有瀬576番地の1 602号</v>
          </cell>
          <cell r="L238" t="str">
            <v>萩原千恵</v>
          </cell>
          <cell r="M238" t="str">
            <v>078-976-8920</v>
          </cell>
          <cell r="N238">
            <v>37974</v>
          </cell>
          <cell r="O238">
            <v>44833</v>
          </cell>
        </row>
        <row r="239">
          <cell r="G239">
            <v>237</v>
          </cell>
          <cell r="H239" t="str">
            <v>㈲</v>
          </cell>
          <cell r="I239" t="str">
            <v>森岡設備</v>
          </cell>
          <cell r="J239" t="str">
            <v>神戸市</v>
          </cell>
          <cell r="K239" t="str">
            <v>長田区鶯町1丁目2-36</v>
          </cell>
          <cell r="L239" t="str">
            <v>森岡義雄</v>
          </cell>
          <cell r="M239" t="str">
            <v>078-631-8501</v>
          </cell>
          <cell r="N239">
            <v>37974</v>
          </cell>
          <cell r="O239">
            <v>44833</v>
          </cell>
        </row>
        <row r="240">
          <cell r="G240">
            <v>238</v>
          </cell>
          <cell r="H240" t="str">
            <v>㈱</v>
          </cell>
          <cell r="I240" t="str">
            <v>タブキ工務店</v>
          </cell>
          <cell r="J240" t="str">
            <v>加古郡</v>
          </cell>
          <cell r="K240" t="str">
            <v>播磨町北古田2丁目1-1</v>
          </cell>
          <cell r="L240" t="str">
            <v>椨木新一</v>
          </cell>
          <cell r="M240" t="str">
            <v>0794-35-3490</v>
          </cell>
          <cell r="N240">
            <v>37974</v>
          </cell>
          <cell r="O240">
            <v>44833</v>
          </cell>
        </row>
        <row r="241">
          <cell r="G241">
            <v>239</v>
          </cell>
          <cell r="H241" t="str">
            <v>㈱</v>
          </cell>
          <cell r="I241" t="str">
            <v>ｱﾝﾀﾞｰﾊｳｽｺｰﾎﾟﾚ‐ｼｮﾝ</v>
          </cell>
          <cell r="J241" t="str">
            <v>神戸市</v>
          </cell>
          <cell r="K241" t="str">
            <v>中央区磯辺通3丁目2-17</v>
          </cell>
          <cell r="L241" t="str">
            <v>立木祥冶</v>
          </cell>
          <cell r="M241" t="str">
            <v>078-291-1189</v>
          </cell>
          <cell r="N241">
            <v>37974</v>
          </cell>
          <cell r="O241">
            <v>44833</v>
          </cell>
        </row>
        <row r="242">
          <cell r="G242">
            <v>240</v>
          </cell>
          <cell r="I242" t="str">
            <v>サンスイ設備工業</v>
          </cell>
          <cell r="J242" t="str">
            <v>三木市</v>
          </cell>
          <cell r="K242" t="str">
            <v>鳥町169-3</v>
          </cell>
          <cell r="L242" t="str">
            <v>清水利通</v>
          </cell>
          <cell r="M242" t="str">
            <v>0794-82-8526</v>
          </cell>
          <cell r="N242">
            <v>37974</v>
          </cell>
          <cell r="O242">
            <v>44833</v>
          </cell>
        </row>
        <row r="243">
          <cell r="G243">
            <v>241</v>
          </cell>
          <cell r="H243" t="str">
            <v>㈲</v>
          </cell>
          <cell r="I243" t="str">
            <v>アップルリフォーム</v>
          </cell>
          <cell r="J243" t="str">
            <v>姫路市</v>
          </cell>
          <cell r="K243" t="str">
            <v>広畑区東新町3-131</v>
          </cell>
          <cell r="L243" t="str">
            <v>杉山啓二</v>
          </cell>
          <cell r="M243" t="str">
            <v>079-236-0951</v>
          </cell>
          <cell r="N243">
            <v>38077</v>
          </cell>
          <cell r="O243">
            <v>44833</v>
          </cell>
        </row>
        <row r="244">
          <cell r="G244">
            <v>242</v>
          </cell>
          <cell r="I244" t="str">
            <v>三起設備工業株式会社</v>
          </cell>
          <cell r="J244" t="str">
            <v>三田市</v>
          </cell>
          <cell r="K244" t="str">
            <v>高次2丁目15-13</v>
          </cell>
          <cell r="L244" t="str">
            <v>上野道男</v>
          </cell>
          <cell r="M244" t="str">
            <v>079-563-7407</v>
          </cell>
          <cell r="N244">
            <v>38077</v>
          </cell>
          <cell r="O244">
            <v>44833</v>
          </cell>
        </row>
        <row r="245">
          <cell r="G245">
            <v>243</v>
          </cell>
          <cell r="I245" t="str">
            <v>後藤建設工業株式会社</v>
          </cell>
          <cell r="J245" t="str">
            <v>加西市</v>
          </cell>
          <cell r="K245" t="str">
            <v>鶉野町2213</v>
          </cell>
          <cell r="L245" t="str">
            <v>後藤正和</v>
          </cell>
          <cell r="M245" t="str">
            <v>49-1497</v>
          </cell>
          <cell r="N245">
            <v>38077</v>
          </cell>
          <cell r="O245">
            <v>44833</v>
          </cell>
          <cell r="P245">
            <v>46660</v>
          </cell>
          <cell r="Q245">
            <v>48487</v>
          </cell>
        </row>
        <row r="246">
          <cell r="G246">
            <v>244</v>
          </cell>
          <cell r="H246" t="str">
            <v>㈲</v>
          </cell>
          <cell r="I246" t="str">
            <v>ミナミ設備</v>
          </cell>
          <cell r="J246" t="str">
            <v>姫路市</v>
          </cell>
          <cell r="K246" t="str">
            <v>夢前町塚本198-3</v>
          </cell>
          <cell r="L246" t="str">
            <v>南　和義</v>
          </cell>
          <cell r="M246" t="str">
            <v>079-337-2310</v>
          </cell>
          <cell r="N246">
            <v>38077</v>
          </cell>
          <cell r="O246">
            <v>44833</v>
          </cell>
        </row>
        <row r="247">
          <cell r="G247">
            <v>245</v>
          </cell>
          <cell r="H247" t="str">
            <v>㈱</v>
          </cell>
          <cell r="I247" t="str">
            <v>阿二商店</v>
          </cell>
          <cell r="J247" t="str">
            <v>姫路市</v>
          </cell>
          <cell r="K247" t="str">
            <v>広畑区北河原町12</v>
          </cell>
          <cell r="L247" t="str">
            <v>阿二喜彦</v>
          </cell>
          <cell r="M247" t="str">
            <v>079-236-0444</v>
          </cell>
          <cell r="N247">
            <v>38077</v>
          </cell>
          <cell r="O247">
            <v>44833</v>
          </cell>
        </row>
        <row r="248">
          <cell r="G248">
            <v>246</v>
          </cell>
          <cell r="H248" t="str">
            <v>㈱</v>
          </cell>
          <cell r="I248" t="str">
            <v>塚前組</v>
          </cell>
          <cell r="J248" t="str">
            <v>加西市</v>
          </cell>
          <cell r="K248" t="str">
            <v>豊倉町1283-13</v>
          </cell>
          <cell r="L248" t="str">
            <v>塚前義広</v>
          </cell>
          <cell r="M248" t="str">
            <v>0790-47-0566</v>
          </cell>
          <cell r="N248">
            <v>38077</v>
          </cell>
          <cell r="O248">
            <v>44833</v>
          </cell>
        </row>
        <row r="249">
          <cell r="G249">
            <v>247</v>
          </cell>
          <cell r="H249" t="str">
            <v>　</v>
          </cell>
          <cell r="I249" t="str">
            <v>マツオ設備</v>
          </cell>
          <cell r="J249" t="str">
            <v>小野市</v>
          </cell>
          <cell r="K249" t="str">
            <v>黒川町468-5</v>
          </cell>
          <cell r="L249" t="str">
            <v>松尾　剛</v>
          </cell>
          <cell r="M249" t="str">
            <v>0794-62-5454</v>
          </cell>
          <cell r="N249">
            <v>38168</v>
          </cell>
          <cell r="O249">
            <v>44833</v>
          </cell>
        </row>
        <row r="250">
          <cell r="G250">
            <v>248</v>
          </cell>
          <cell r="H250" t="str">
            <v>　</v>
          </cell>
          <cell r="I250" t="str">
            <v>ツジモト水設</v>
          </cell>
          <cell r="J250" t="str">
            <v>加古川市</v>
          </cell>
          <cell r="K250" t="str">
            <v>志方町大宗282-2</v>
          </cell>
          <cell r="L250" t="str">
            <v>辻本良樹</v>
          </cell>
          <cell r="M250" t="str">
            <v>0794-52-3677</v>
          </cell>
          <cell r="N250">
            <v>38168</v>
          </cell>
          <cell r="O250">
            <v>44833</v>
          </cell>
        </row>
        <row r="251">
          <cell r="G251">
            <v>249</v>
          </cell>
          <cell r="H251" t="str">
            <v>㈱</v>
          </cell>
          <cell r="I251" t="str">
            <v>青山商会</v>
          </cell>
          <cell r="J251" t="str">
            <v>姫路市</v>
          </cell>
          <cell r="K251" t="str">
            <v>青山5丁目10-1</v>
          </cell>
          <cell r="L251" t="str">
            <v>井内宏</v>
          </cell>
          <cell r="M251" t="str">
            <v>079-266-2157</v>
          </cell>
          <cell r="N251">
            <v>38168</v>
          </cell>
          <cell r="O251">
            <v>44833</v>
          </cell>
          <cell r="P251">
            <v>46660</v>
          </cell>
          <cell r="Q251">
            <v>48487</v>
          </cell>
        </row>
        <row r="252">
          <cell r="G252">
            <v>250</v>
          </cell>
          <cell r="H252" t="str">
            <v>　</v>
          </cell>
          <cell r="I252" t="str">
            <v>ナカイデンキ</v>
          </cell>
          <cell r="J252" t="str">
            <v>神崎郡</v>
          </cell>
          <cell r="K252" t="str">
            <v>福崎町南田原1426-1</v>
          </cell>
          <cell r="L252" t="str">
            <v>中井賢一</v>
          </cell>
          <cell r="M252" t="str">
            <v>0790-22-5408</v>
          </cell>
          <cell r="N252">
            <v>38356</v>
          </cell>
          <cell r="O252">
            <v>44833</v>
          </cell>
        </row>
        <row r="253">
          <cell r="G253">
            <v>251</v>
          </cell>
          <cell r="I253" t="str">
            <v>タジカリフォームサービス</v>
          </cell>
          <cell r="J253" t="str">
            <v>小野市</v>
          </cell>
          <cell r="K253" t="str">
            <v>黒川町927-2</v>
          </cell>
          <cell r="L253" t="str">
            <v>多鹿重雄</v>
          </cell>
          <cell r="M253" t="str">
            <v>0794-63-8147</v>
          </cell>
          <cell r="N253">
            <v>38329</v>
          </cell>
          <cell r="O253">
            <v>44833</v>
          </cell>
        </row>
        <row r="254">
          <cell r="G254">
            <v>252</v>
          </cell>
          <cell r="H254" t="str">
            <v>㈲</v>
          </cell>
          <cell r="I254" t="str">
            <v>ウノ</v>
          </cell>
          <cell r="J254" t="str">
            <v>加東市</v>
          </cell>
          <cell r="K254" t="str">
            <v>社245-2</v>
          </cell>
          <cell r="L254" t="str">
            <v>宇野功洋</v>
          </cell>
          <cell r="M254" t="str">
            <v>0795-42-1021</v>
          </cell>
          <cell r="N254">
            <v>38443</v>
          </cell>
          <cell r="O254">
            <v>44833</v>
          </cell>
          <cell r="P254">
            <v>46660</v>
          </cell>
          <cell r="Q254">
            <v>48487</v>
          </cell>
        </row>
        <row r="255">
          <cell r="G255">
            <v>253</v>
          </cell>
          <cell r="I255" t="str">
            <v>キタノ電機</v>
          </cell>
          <cell r="J255" t="str">
            <v>加東市</v>
          </cell>
          <cell r="K255" t="str">
            <v>北野177-2</v>
          </cell>
          <cell r="L255" t="str">
            <v>長谷川実</v>
          </cell>
          <cell r="M255" t="str">
            <v>0795-48-2575</v>
          </cell>
          <cell r="N255">
            <v>38443</v>
          </cell>
          <cell r="O255">
            <v>44833</v>
          </cell>
        </row>
        <row r="256">
          <cell r="G256">
            <v>254</v>
          </cell>
          <cell r="I256" t="str">
            <v>松本工業株式会社</v>
          </cell>
          <cell r="J256" t="str">
            <v>姫路市</v>
          </cell>
          <cell r="K256" t="str">
            <v>広畑区西蒲田1017-8</v>
          </cell>
          <cell r="L256" t="str">
            <v>松本英錫</v>
          </cell>
          <cell r="M256" t="str">
            <v>079-239-4809</v>
          </cell>
          <cell r="N256">
            <v>38443</v>
          </cell>
          <cell r="O256">
            <v>44833</v>
          </cell>
        </row>
        <row r="257">
          <cell r="G257">
            <v>255</v>
          </cell>
          <cell r="I257" t="str">
            <v>柏木設備</v>
          </cell>
          <cell r="J257" t="str">
            <v>小野市</v>
          </cell>
          <cell r="K257" t="str">
            <v>上本町48-3</v>
          </cell>
          <cell r="L257" t="str">
            <v>柏木秀樹</v>
          </cell>
          <cell r="M257" t="str">
            <v>0794-62-2985</v>
          </cell>
          <cell r="N257">
            <v>38443</v>
          </cell>
          <cell r="O257">
            <v>44833</v>
          </cell>
        </row>
        <row r="258">
          <cell r="G258">
            <v>256</v>
          </cell>
          <cell r="H258" t="str">
            <v>㈱</v>
          </cell>
          <cell r="I258" t="str">
            <v>松沢産業</v>
          </cell>
          <cell r="J258" t="str">
            <v>小野市</v>
          </cell>
          <cell r="K258" t="str">
            <v>市場町133-4</v>
          </cell>
          <cell r="L258" t="str">
            <v>松澤定男</v>
          </cell>
          <cell r="M258" t="str">
            <v>0794-62-2224</v>
          </cell>
          <cell r="N258">
            <v>38443</v>
          </cell>
          <cell r="O258">
            <v>44833</v>
          </cell>
          <cell r="P258">
            <v>46660</v>
          </cell>
          <cell r="Q258">
            <v>48487</v>
          </cell>
        </row>
        <row r="259">
          <cell r="G259">
            <v>257</v>
          </cell>
          <cell r="H259" t="str">
            <v>㈱</v>
          </cell>
          <cell r="I259" t="str">
            <v>後藤工務店</v>
          </cell>
          <cell r="J259" t="str">
            <v>加西市</v>
          </cell>
          <cell r="K259" t="str">
            <v>繁昌町2352</v>
          </cell>
          <cell r="L259" t="str">
            <v>後藤共啓</v>
          </cell>
          <cell r="M259" t="str">
            <v>0790-49-1484</v>
          </cell>
          <cell r="N259">
            <v>38443</v>
          </cell>
          <cell r="O259">
            <v>44833</v>
          </cell>
          <cell r="P259">
            <v>46660</v>
          </cell>
          <cell r="Q259">
            <v>48487</v>
          </cell>
        </row>
        <row r="260">
          <cell r="G260">
            <v>258</v>
          </cell>
          <cell r="H260" t="str">
            <v>㈲</v>
          </cell>
          <cell r="I260" t="str">
            <v>新生電設</v>
          </cell>
          <cell r="J260" t="str">
            <v>小野市</v>
          </cell>
          <cell r="K260" t="str">
            <v>粟生町1938</v>
          </cell>
          <cell r="L260" t="str">
            <v>松尾一三</v>
          </cell>
          <cell r="M260" t="str">
            <v>0794-66-2591</v>
          </cell>
          <cell r="N260">
            <v>38534</v>
          </cell>
          <cell r="O260">
            <v>44833</v>
          </cell>
        </row>
        <row r="261">
          <cell r="G261">
            <v>259</v>
          </cell>
          <cell r="H261" t="str">
            <v>㈱</v>
          </cell>
          <cell r="I261" t="str">
            <v>ヒメフジ</v>
          </cell>
          <cell r="J261" t="str">
            <v>姫路市</v>
          </cell>
          <cell r="K261" t="str">
            <v>御国野町国分寺774-1</v>
          </cell>
          <cell r="L261" t="str">
            <v>藤原幸子</v>
          </cell>
          <cell r="M261" t="str">
            <v>079-252-7300</v>
          </cell>
          <cell r="N261">
            <v>38623</v>
          </cell>
          <cell r="O261">
            <v>44833</v>
          </cell>
        </row>
        <row r="262">
          <cell r="G262">
            <v>260</v>
          </cell>
          <cell r="I262" t="str">
            <v>三輪設備</v>
          </cell>
          <cell r="J262" t="str">
            <v>小野市</v>
          </cell>
          <cell r="K262" t="str">
            <v>久保木町218-2</v>
          </cell>
          <cell r="L262" t="str">
            <v>三輪俊夫</v>
          </cell>
          <cell r="M262" t="str">
            <v>0794-62-4193</v>
          </cell>
          <cell r="N262">
            <v>38623</v>
          </cell>
          <cell r="O262">
            <v>44833</v>
          </cell>
          <cell r="P262">
            <v>46660</v>
          </cell>
          <cell r="Q262">
            <v>48487</v>
          </cell>
        </row>
        <row r="263">
          <cell r="G263">
            <v>261</v>
          </cell>
          <cell r="H263" t="str">
            <v>㈱</v>
          </cell>
          <cell r="I263" t="str">
            <v>斉藤工務店</v>
          </cell>
          <cell r="J263" t="str">
            <v>加古川市</v>
          </cell>
          <cell r="K263" t="str">
            <v>西神吉町大国723-42</v>
          </cell>
          <cell r="L263" t="str">
            <v>斉藤辰雄</v>
          </cell>
          <cell r="M263" t="str">
            <v>0794-32-2218</v>
          </cell>
          <cell r="N263">
            <v>38623</v>
          </cell>
          <cell r="O263">
            <v>44833</v>
          </cell>
        </row>
        <row r="264">
          <cell r="G264">
            <v>262</v>
          </cell>
          <cell r="I264" t="str">
            <v>織田　晃</v>
          </cell>
          <cell r="J264" t="str">
            <v>加西市</v>
          </cell>
          <cell r="K264" t="str">
            <v>田原町266-4</v>
          </cell>
          <cell r="L264" t="str">
            <v>織田　晃</v>
          </cell>
          <cell r="M264" t="str">
            <v>0790-49-1802</v>
          </cell>
          <cell r="N264">
            <v>38712</v>
          </cell>
          <cell r="O264">
            <v>44833</v>
          </cell>
        </row>
        <row r="265">
          <cell r="G265">
            <v>263</v>
          </cell>
          <cell r="I265" t="str">
            <v>岸本木材株式会社</v>
          </cell>
          <cell r="J265" t="str">
            <v>姫路市</v>
          </cell>
          <cell r="K265" t="str">
            <v>網干区浜田1567番地の3</v>
          </cell>
          <cell r="L265" t="str">
            <v>岸本隆明</v>
          </cell>
          <cell r="M265" t="str">
            <v>079-273-3632</v>
          </cell>
          <cell r="N265">
            <v>38712</v>
          </cell>
          <cell r="O265">
            <v>44833</v>
          </cell>
        </row>
        <row r="266">
          <cell r="G266">
            <v>264</v>
          </cell>
          <cell r="H266" t="str">
            <v>㈱</v>
          </cell>
          <cell r="I266" t="str">
            <v>山田工務店</v>
          </cell>
          <cell r="J266" t="str">
            <v>加西市</v>
          </cell>
          <cell r="K266" t="str">
            <v>笹倉町330</v>
          </cell>
          <cell r="L266" t="str">
            <v>山田義夫</v>
          </cell>
          <cell r="M266" t="str">
            <v>0790-44-0354</v>
          </cell>
          <cell r="N266">
            <v>38712</v>
          </cell>
          <cell r="O266">
            <v>44833</v>
          </cell>
        </row>
        <row r="267">
          <cell r="G267">
            <v>265</v>
          </cell>
          <cell r="H267" t="str">
            <v>㈱</v>
          </cell>
          <cell r="I267" t="str">
            <v>トモサダ</v>
          </cell>
          <cell r="J267" t="str">
            <v>小野市</v>
          </cell>
          <cell r="K267" t="str">
            <v>神明町213-8</v>
          </cell>
          <cell r="L267" t="str">
            <v>友定種一</v>
          </cell>
          <cell r="M267" t="str">
            <v>0794-62-2436</v>
          </cell>
          <cell r="N267">
            <v>38800</v>
          </cell>
          <cell r="O267">
            <v>44833</v>
          </cell>
        </row>
        <row r="268">
          <cell r="G268">
            <v>266</v>
          </cell>
          <cell r="I268" t="str">
            <v>黒崎水道建設株式会社</v>
          </cell>
          <cell r="J268" t="str">
            <v>加古川市</v>
          </cell>
          <cell r="K268" t="str">
            <v>加古川町木村118-3</v>
          </cell>
          <cell r="L268" t="str">
            <v>黒崎重子</v>
          </cell>
          <cell r="M268" t="str">
            <v>079-423-6711</v>
          </cell>
          <cell r="N268">
            <v>38800</v>
          </cell>
          <cell r="O268">
            <v>44833</v>
          </cell>
          <cell r="P268">
            <v>46660</v>
          </cell>
          <cell r="Q268">
            <v>48487</v>
          </cell>
        </row>
        <row r="269">
          <cell r="G269">
            <v>267</v>
          </cell>
          <cell r="I269" t="str">
            <v>藤原住宅サービス</v>
          </cell>
          <cell r="J269" t="str">
            <v>丹波篠山市</v>
          </cell>
          <cell r="K269" t="str">
            <v>今田町上小野原34番地の5</v>
          </cell>
          <cell r="L269" t="str">
            <v>藤原竹男</v>
          </cell>
          <cell r="M269" t="str">
            <v>079-597-2697</v>
          </cell>
          <cell r="N269">
            <v>38891</v>
          </cell>
          <cell r="O269">
            <v>44833</v>
          </cell>
        </row>
        <row r="270">
          <cell r="G270">
            <v>268</v>
          </cell>
          <cell r="H270" t="str">
            <v>㈱</v>
          </cell>
          <cell r="I270" t="str">
            <v>金山水道土木</v>
          </cell>
          <cell r="J270" t="str">
            <v>姫路市</v>
          </cell>
          <cell r="K270" t="str">
            <v>広畑区蒲田1丁目６１</v>
          </cell>
          <cell r="L270" t="str">
            <v>金山光鎬</v>
          </cell>
          <cell r="M270" t="str">
            <v>079-236-4665</v>
          </cell>
          <cell r="N270">
            <v>38891</v>
          </cell>
          <cell r="O270">
            <v>44833</v>
          </cell>
          <cell r="P270">
            <v>46660</v>
          </cell>
          <cell r="Q270">
            <v>48487</v>
          </cell>
        </row>
        <row r="271">
          <cell r="G271">
            <v>269</v>
          </cell>
          <cell r="I271" t="str">
            <v>コバヤシ設備</v>
          </cell>
          <cell r="J271" t="str">
            <v>小野市</v>
          </cell>
          <cell r="K271" t="str">
            <v>三和町1101番地1</v>
          </cell>
          <cell r="L271" t="str">
            <v>小林  勉</v>
          </cell>
          <cell r="M271" t="str">
            <v>0794-66-5061</v>
          </cell>
          <cell r="N271">
            <v>38891</v>
          </cell>
          <cell r="O271">
            <v>44833</v>
          </cell>
        </row>
        <row r="272">
          <cell r="G272">
            <v>270</v>
          </cell>
          <cell r="I272" t="str">
            <v>柏原建設株式会社</v>
          </cell>
          <cell r="J272" t="str">
            <v>加西市</v>
          </cell>
          <cell r="K272" t="str">
            <v>東剣坂町581番地の2</v>
          </cell>
          <cell r="L272" t="str">
            <v>柏原幸生</v>
          </cell>
          <cell r="M272" t="str">
            <v>0790-46-0621</v>
          </cell>
          <cell r="N272">
            <v>39073</v>
          </cell>
          <cell r="O272">
            <v>44833</v>
          </cell>
        </row>
        <row r="273">
          <cell r="G273">
            <v>271</v>
          </cell>
          <cell r="I273" t="str">
            <v>土井建設㈱</v>
          </cell>
          <cell r="J273" t="str">
            <v>高砂市</v>
          </cell>
          <cell r="K273" t="str">
            <v>阿弥陀町北池27番地1</v>
          </cell>
          <cell r="L273" t="str">
            <v>壁　貴義</v>
          </cell>
          <cell r="M273" t="str">
            <v>079-446-8787</v>
          </cell>
          <cell r="N273">
            <v>39073</v>
          </cell>
          <cell r="O273">
            <v>44833</v>
          </cell>
          <cell r="P273">
            <v>46660</v>
          </cell>
          <cell r="Q273">
            <v>48487</v>
          </cell>
        </row>
        <row r="274">
          <cell r="G274">
            <v>272</v>
          </cell>
          <cell r="I274" t="str">
            <v>伊藤忠ｴﾈｸｽﾎｰﾑﾗｲﾌ関西株式会社</v>
          </cell>
          <cell r="J274" t="str">
            <v>神崎郡</v>
          </cell>
          <cell r="K274" t="str">
            <v>福崎町西田原123-1（姫路営業所）</v>
          </cell>
          <cell r="L274" t="str">
            <v>守屋憲二</v>
          </cell>
          <cell r="M274" t="str">
            <v>0790-22-0896</v>
          </cell>
          <cell r="N274">
            <v>39073</v>
          </cell>
          <cell r="O274">
            <v>44833</v>
          </cell>
        </row>
        <row r="275">
          <cell r="G275">
            <v>273</v>
          </cell>
          <cell r="I275" t="str">
            <v>小林設備株式会社</v>
          </cell>
          <cell r="J275" t="str">
            <v>加古川市</v>
          </cell>
          <cell r="K275" t="str">
            <v>東神吉町天下原36-1</v>
          </cell>
          <cell r="L275" t="str">
            <v>島田浩竹</v>
          </cell>
          <cell r="M275" t="str">
            <v>079-432-3295</v>
          </cell>
          <cell r="N275">
            <v>39164</v>
          </cell>
          <cell r="O275">
            <v>44833</v>
          </cell>
          <cell r="P275">
            <v>46660</v>
          </cell>
          <cell r="Q275">
            <v>48487</v>
          </cell>
        </row>
        <row r="276">
          <cell r="G276">
            <v>274</v>
          </cell>
          <cell r="I276" t="str">
            <v>新栄設備工業有限会社</v>
          </cell>
          <cell r="J276" t="str">
            <v>姫路市</v>
          </cell>
          <cell r="K276" t="str">
            <v>花田町上原田52-10</v>
          </cell>
          <cell r="L276" t="str">
            <v>中山隆義</v>
          </cell>
          <cell r="M276" t="str">
            <v>079-253-4767</v>
          </cell>
          <cell r="N276">
            <v>39164</v>
          </cell>
          <cell r="O276">
            <v>44833</v>
          </cell>
          <cell r="P276">
            <v>46660</v>
          </cell>
          <cell r="Q276">
            <v>48487</v>
          </cell>
        </row>
        <row r="277">
          <cell r="G277">
            <v>275</v>
          </cell>
          <cell r="H277" t="str">
            <v>㈱</v>
          </cell>
          <cell r="I277" t="str">
            <v>村上住設</v>
          </cell>
          <cell r="J277" t="str">
            <v>加東市</v>
          </cell>
          <cell r="K277" t="str">
            <v>藤田148-2</v>
          </cell>
          <cell r="L277" t="str">
            <v>村上重幸</v>
          </cell>
          <cell r="M277" t="str">
            <v>0795-42-1127</v>
          </cell>
          <cell r="N277">
            <v>39164</v>
          </cell>
          <cell r="O277">
            <v>44833</v>
          </cell>
          <cell r="P277">
            <v>46660</v>
          </cell>
          <cell r="Q277">
            <v>48487</v>
          </cell>
        </row>
        <row r="278">
          <cell r="G278">
            <v>276</v>
          </cell>
          <cell r="H278" t="str">
            <v>㈱</v>
          </cell>
          <cell r="I278" t="str">
            <v>アイエム工業</v>
          </cell>
          <cell r="J278" t="str">
            <v>加古川市</v>
          </cell>
          <cell r="K278" t="str">
            <v>尾上町口里606</v>
          </cell>
          <cell r="L278" t="str">
            <v>岩本浩貴</v>
          </cell>
          <cell r="M278" t="str">
            <v>079-456-4605</v>
          </cell>
          <cell r="N278">
            <v>39164</v>
          </cell>
          <cell r="O278">
            <v>44833</v>
          </cell>
          <cell r="P278">
            <v>46660</v>
          </cell>
          <cell r="Q278">
            <v>48487</v>
          </cell>
        </row>
        <row r="279">
          <cell r="G279">
            <v>277</v>
          </cell>
          <cell r="I279" t="str">
            <v>采女設備</v>
          </cell>
          <cell r="J279" t="str">
            <v>丹波市</v>
          </cell>
          <cell r="K279" t="str">
            <v>氷上町長野１２９</v>
          </cell>
          <cell r="L279" t="str">
            <v>采女　清</v>
          </cell>
          <cell r="M279" t="str">
            <v>0795-82-3825</v>
          </cell>
          <cell r="N279">
            <v>39261</v>
          </cell>
          <cell r="O279">
            <v>45198</v>
          </cell>
        </row>
        <row r="280">
          <cell r="G280">
            <v>278</v>
          </cell>
          <cell r="H280" t="str">
            <v>㈱</v>
          </cell>
          <cell r="I280" t="str">
            <v>藤野設備工業</v>
          </cell>
          <cell r="J280" t="str">
            <v>姫路市</v>
          </cell>
          <cell r="K280" t="str">
            <v>飾磨区堀川町85-3</v>
          </cell>
          <cell r="L280" t="str">
            <v>藤野泰典</v>
          </cell>
          <cell r="M280" t="str">
            <v>079-235-7320</v>
          </cell>
          <cell r="N280">
            <v>39345</v>
          </cell>
          <cell r="O280">
            <v>45198</v>
          </cell>
          <cell r="P280">
            <v>47026</v>
          </cell>
          <cell r="Q280">
            <v>48852</v>
          </cell>
        </row>
        <row r="281">
          <cell r="G281">
            <v>279</v>
          </cell>
          <cell r="H281" t="str">
            <v>㈱</v>
          </cell>
          <cell r="I281" t="str">
            <v>マルキョー</v>
          </cell>
          <cell r="J281" t="str">
            <v>小野市</v>
          </cell>
          <cell r="K281" t="str">
            <v>万勝寺町768-11</v>
          </cell>
          <cell r="L281" t="str">
            <v>多鹿恭弘</v>
          </cell>
          <cell r="M281" t="str">
            <v>0794-64-5877</v>
          </cell>
          <cell r="N281">
            <v>39261</v>
          </cell>
          <cell r="O281">
            <v>45198</v>
          </cell>
          <cell r="P281">
            <v>47026</v>
          </cell>
          <cell r="Q281">
            <v>48852</v>
          </cell>
        </row>
        <row r="282">
          <cell r="G282">
            <v>280</v>
          </cell>
          <cell r="I282" t="str">
            <v>森本電工</v>
          </cell>
          <cell r="J282" t="str">
            <v>神崎郡</v>
          </cell>
          <cell r="K282" t="str">
            <v>市川町小畑1403</v>
          </cell>
          <cell r="L282" t="str">
            <v>森本幸夫</v>
          </cell>
          <cell r="M282" t="str">
            <v>0790-26-2445</v>
          </cell>
          <cell r="N282">
            <v>39345</v>
          </cell>
          <cell r="O282">
            <v>45198</v>
          </cell>
        </row>
        <row r="283">
          <cell r="G283">
            <v>281</v>
          </cell>
          <cell r="I283" t="str">
            <v>東播建築工藝株式会社</v>
          </cell>
          <cell r="J283" t="str">
            <v>加古川市</v>
          </cell>
          <cell r="K283" t="str">
            <v>加古川町平野426番地</v>
          </cell>
          <cell r="L283" t="str">
            <v>谷川美湖</v>
          </cell>
          <cell r="M283" t="str">
            <v>0794-27-0590</v>
          </cell>
          <cell r="N283">
            <v>39436</v>
          </cell>
          <cell r="O283">
            <v>45198</v>
          </cell>
        </row>
        <row r="284">
          <cell r="G284">
            <v>282</v>
          </cell>
          <cell r="H284" t="str">
            <v>㈱</v>
          </cell>
          <cell r="I284" t="str">
            <v>上野設備</v>
          </cell>
          <cell r="J284" t="str">
            <v>加古川市</v>
          </cell>
          <cell r="K284" t="str">
            <v>尾上町養田209-7</v>
          </cell>
          <cell r="L284" t="str">
            <v>上野敦志</v>
          </cell>
          <cell r="M284" t="str">
            <v>079-425-6644</v>
          </cell>
          <cell r="N284">
            <v>39528</v>
          </cell>
          <cell r="O284">
            <v>45198</v>
          </cell>
          <cell r="P284">
            <v>47026</v>
          </cell>
          <cell r="Q284">
            <v>48852</v>
          </cell>
        </row>
        <row r="285">
          <cell r="G285">
            <v>283</v>
          </cell>
          <cell r="H285" t="str">
            <v>㈲</v>
          </cell>
          <cell r="I285" t="str">
            <v>竹谷工業</v>
          </cell>
          <cell r="J285" t="str">
            <v>西脇市</v>
          </cell>
          <cell r="K285" t="str">
            <v>住吉町９４５</v>
          </cell>
          <cell r="L285" t="str">
            <v>竹谷武二</v>
          </cell>
          <cell r="M285" t="str">
            <v>0795-22-8235</v>
          </cell>
          <cell r="N285">
            <v>39623</v>
          </cell>
          <cell r="O285">
            <v>45198</v>
          </cell>
        </row>
        <row r="286">
          <cell r="G286">
            <v>284</v>
          </cell>
          <cell r="I286" t="str">
            <v>ｳｫｰﾀｰﾜｰｸｽｲﾇｲ</v>
          </cell>
          <cell r="J286" t="str">
            <v>加古川市</v>
          </cell>
          <cell r="K286" t="str">
            <v>平岡町一色西１－３５</v>
          </cell>
          <cell r="L286" t="str">
            <v>乾　正則</v>
          </cell>
          <cell r="M286" t="str">
            <v>0794-30-2882</v>
          </cell>
          <cell r="N286">
            <v>39623</v>
          </cell>
          <cell r="O286">
            <v>45198</v>
          </cell>
        </row>
        <row r="287">
          <cell r="G287">
            <v>285</v>
          </cell>
          <cell r="I287" t="str">
            <v>和食技研株式会社</v>
          </cell>
          <cell r="J287" t="str">
            <v>加古川市</v>
          </cell>
          <cell r="K287" t="str">
            <v>上荘町薬栗890-1</v>
          </cell>
          <cell r="L287" t="str">
            <v>和食浩司</v>
          </cell>
          <cell r="M287" t="str">
            <v>0794-29-5590</v>
          </cell>
          <cell r="N287">
            <v>39715</v>
          </cell>
          <cell r="O287">
            <v>45198</v>
          </cell>
        </row>
        <row r="288">
          <cell r="G288">
            <v>286</v>
          </cell>
          <cell r="H288" t="str">
            <v>㈱</v>
          </cell>
          <cell r="I288" t="str">
            <v>明和設備工業所</v>
          </cell>
          <cell r="J288" t="str">
            <v>加古川市</v>
          </cell>
          <cell r="K288" t="str">
            <v>野口町坂元87</v>
          </cell>
          <cell r="L288" t="str">
            <v>井戸　一</v>
          </cell>
          <cell r="M288" t="str">
            <v>079-490-3759</v>
          </cell>
          <cell r="N288">
            <v>39715</v>
          </cell>
          <cell r="O288">
            <v>45198</v>
          </cell>
          <cell r="P288">
            <v>47026</v>
          </cell>
          <cell r="Q288">
            <v>48852</v>
          </cell>
        </row>
        <row r="289">
          <cell r="G289">
            <v>287</v>
          </cell>
          <cell r="I289" t="str">
            <v>平松設備工業</v>
          </cell>
          <cell r="J289" t="str">
            <v>加東市</v>
          </cell>
          <cell r="K289" t="str">
            <v>社492番地の6</v>
          </cell>
          <cell r="L289" t="str">
            <v>平松雅之</v>
          </cell>
          <cell r="M289" t="str">
            <v>0795-42-3007</v>
          </cell>
          <cell r="N289">
            <v>39807</v>
          </cell>
          <cell r="O289">
            <v>45198</v>
          </cell>
        </row>
        <row r="290">
          <cell r="G290">
            <v>288</v>
          </cell>
          <cell r="I290" t="str">
            <v>イケダ電工株式会社</v>
          </cell>
          <cell r="J290" t="str">
            <v>加西市</v>
          </cell>
          <cell r="K290" t="str">
            <v>河内町516-1</v>
          </cell>
          <cell r="L290" t="str">
            <v>池田　進</v>
          </cell>
          <cell r="M290" t="str">
            <v>0790-45-0008</v>
          </cell>
          <cell r="N290">
            <v>39897</v>
          </cell>
          <cell r="O290">
            <v>45198</v>
          </cell>
          <cell r="P290">
            <v>47026</v>
          </cell>
          <cell r="Q290">
            <v>48852</v>
          </cell>
        </row>
        <row r="291">
          <cell r="G291">
            <v>289</v>
          </cell>
          <cell r="H291" t="str">
            <v>㈱</v>
          </cell>
          <cell r="I291" t="str">
            <v>共進社工業所</v>
          </cell>
          <cell r="J291" t="str">
            <v>大阪府</v>
          </cell>
          <cell r="K291" t="str">
            <v>東大阪市西堤楠町3丁目2番11号</v>
          </cell>
          <cell r="L291" t="str">
            <v>山内曻平</v>
          </cell>
          <cell r="M291" t="str">
            <v>06-6788-2223</v>
          </cell>
          <cell r="N291">
            <v>39989</v>
          </cell>
          <cell r="O291">
            <v>45198</v>
          </cell>
        </row>
        <row r="292">
          <cell r="G292">
            <v>290</v>
          </cell>
          <cell r="I292" t="str">
            <v>山口建設興業</v>
          </cell>
          <cell r="J292" t="str">
            <v>加西市</v>
          </cell>
          <cell r="K292" t="str">
            <v>北条町西南346-3</v>
          </cell>
          <cell r="L292" t="str">
            <v>山口勝己</v>
          </cell>
          <cell r="M292" t="str">
            <v>0790-43-3010</v>
          </cell>
          <cell r="N292">
            <v>40081</v>
          </cell>
          <cell r="O292">
            <v>45198</v>
          </cell>
        </row>
        <row r="293">
          <cell r="G293">
            <v>291</v>
          </cell>
          <cell r="H293" t="str">
            <v>㈲</v>
          </cell>
          <cell r="I293" t="str">
            <v>共和建設</v>
          </cell>
          <cell r="J293" t="str">
            <v>加西市</v>
          </cell>
          <cell r="K293" t="str">
            <v>若井町2479-1</v>
          </cell>
          <cell r="L293" t="str">
            <v>和田豊志</v>
          </cell>
          <cell r="M293" t="str">
            <v>0790-44-8558</v>
          </cell>
          <cell r="N293">
            <v>40081</v>
          </cell>
          <cell r="O293">
            <v>45198</v>
          </cell>
        </row>
        <row r="294">
          <cell r="G294">
            <v>292</v>
          </cell>
          <cell r="H294" t="str">
            <v>㈲</v>
          </cell>
          <cell r="I294" t="str">
            <v>ＹＭ設備</v>
          </cell>
          <cell r="J294" t="str">
            <v>神戸市</v>
          </cell>
          <cell r="K294" t="str">
            <v>西区白水2丁目10-11</v>
          </cell>
          <cell r="L294" t="str">
            <v>向谷悦和</v>
          </cell>
          <cell r="M294" t="str">
            <v>078-978-1236</v>
          </cell>
          <cell r="N294">
            <v>40261</v>
          </cell>
          <cell r="O294">
            <v>45198</v>
          </cell>
          <cell r="P294">
            <v>47026</v>
          </cell>
          <cell r="Q294">
            <v>48852</v>
          </cell>
        </row>
        <row r="295">
          <cell r="G295">
            <v>293</v>
          </cell>
          <cell r="H295" t="str">
            <v>㈱</v>
          </cell>
          <cell r="I295" t="str">
            <v>イースマイル</v>
          </cell>
          <cell r="J295" t="str">
            <v>大阪府</v>
          </cell>
          <cell r="K295" t="str">
            <v>大阪市中央区瓦谷町3-7-3　ｲｰｽﾏｲﾙﾋﾞﾙ</v>
          </cell>
          <cell r="L295" t="str">
            <v>島村禮孝</v>
          </cell>
          <cell r="M295" t="str">
            <v>06-7739-2525</v>
          </cell>
          <cell r="N295">
            <v>40445</v>
          </cell>
          <cell r="O295">
            <v>45198</v>
          </cell>
          <cell r="P295">
            <v>47026</v>
          </cell>
          <cell r="Q295">
            <v>48852</v>
          </cell>
        </row>
        <row r="296">
          <cell r="G296">
            <v>294</v>
          </cell>
          <cell r="I296" t="str">
            <v>池水工業株式会社</v>
          </cell>
          <cell r="J296" t="str">
            <v>神戸市</v>
          </cell>
          <cell r="K296" t="str">
            <v>長田区蓮宮通3丁目1-3</v>
          </cell>
          <cell r="L296" t="str">
            <v>井戸裕之</v>
          </cell>
          <cell r="M296" t="str">
            <v>078-611-1522</v>
          </cell>
          <cell r="N296">
            <v>40536</v>
          </cell>
          <cell r="O296">
            <v>45198</v>
          </cell>
          <cell r="P296">
            <v>47026</v>
          </cell>
          <cell r="Q296">
            <v>48852</v>
          </cell>
        </row>
        <row r="297">
          <cell r="G297">
            <v>295</v>
          </cell>
          <cell r="I297" t="str">
            <v>松本設備</v>
          </cell>
          <cell r="J297" t="str">
            <v>小野市</v>
          </cell>
          <cell r="K297" t="str">
            <v>鹿野町2414</v>
          </cell>
          <cell r="L297" t="str">
            <v>松本哲治</v>
          </cell>
          <cell r="M297" t="str">
            <v>0794-62-0070</v>
          </cell>
          <cell r="N297">
            <v>40714</v>
          </cell>
          <cell r="O297">
            <v>45198</v>
          </cell>
        </row>
        <row r="298">
          <cell r="G298">
            <v>296</v>
          </cell>
          <cell r="H298" t="str">
            <v>㈲</v>
          </cell>
          <cell r="I298" t="str">
            <v>信和開発</v>
          </cell>
          <cell r="J298" t="str">
            <v>姫路市</v>
          </cell>
          <cell r="K298" t="str">
            <v>玉手620番地１</v>
          </cell>
          <cell r="L298" t="str">
            <v>三木　清</v>
          </cell>
          <cell r="M298" t="str">
            <v>079-295-9987</v>
          </cell>
          <cell r="N298">
            <v>40990</v>
          </cell>
          <cell r="O298">
            <v>45198</v>
          </cell>
          <cell r="P298">
            <v>47026</v>
          </cell>
          <cell r="Q298">
            <v>48852</v>
          </cell>
        </row>
        <row r="299">
          <cell r="G299">
            <v>297</v>
          </cell>
          <cell r="H299" t="str">
            <v>㈱</v>
          </cell>
          <cell r="I299" t="str">
            <v>一四一</v>
          </cell>
          <cell r="J299" t="str">
            <v>姫路市</v>
          </cell>
          <cell r="K299" t="str">
            <v>青山北1丁目2番17号</v>
          </cell>
          <cell r="L299" t="str">
            <v>石井康則</v>
          </cell>
          <cell r="M299" t="str">
            <v>079-266-2313</v>
          </cell>
          <cell r="N299">
            <v>40990</v>
          </cell>
          <cell r="O299">
            <v>45198</v>
          </cell>
          <cell r="P299">
            <v>47026</v>
          </cell>
          <cell r="Q299">
            <v>48852</v>
          </cell>
        </row>
        <row r="300">
          <cell r="G300">
            <v>298</v>
          </cell>
          <cell r="I300" t="str">
            <v>筒井設備</v>
          </cell>
          <cell r="J300" t="str">
            <v>西脇市</v>
          </cell>
          <cell r="K300" t="str">
            <v>高松町136番地の2</v>
          </cell>
          <cell r="L300" t="str">
            <v>筒井博幸</v>
          </cell>
          <cell r="M300" t="str">
            <v>0795-22-0861</v>
          </cell>
          <cell r="N300">
            <v>40990</v>
          </cell>
          <cell r="O300">
            <v>45198</v>
          </cell>
        </row>
        <row r="301">
          <cell r="G301">
            <v>299</v>
          </cell>
          <cell r="I301" t="str">
            <v>村上設備工業株式会社</v>
          </cell>
          <cell r="J301" t="str">
            <v>加古川市</v>
          </cell>
          <cell r="K301" t="str">
            <v>平岡町新在家1906</v>
          </cell>
          <cell r="L301" t="str">
            <v>村上恵子</v>
          </cell>
          <cell r="M301" t="str">
            <v>0794-24-6655</v>
          </cell>
          <cell r="N301">
            <v>41263</v>
          </cell>
          <cell r="O301">
            <v>45198</v>
          </cell>
        </row>
        <row r="302">
          <cell r="G302">
            <v>300</v>
          </cell>
          <cell r="I302" t="str">
            <v>藤井設備工業株式会社</v>
          </cell>
          <cell r="J302" t="str">
            <v>小野市</v>
          </cell>
          <cell r="K302" t="str">
            <v>敷地町1382番地</v>
          </cell>
          <cell r="L302" t="str">
            <v>藤井一博</v>
          </cell>
          <cell r="M302" t="str">
            <v>0794-63-4912</v>
          </cell>
          <cell r="N302">
            <v>41535</v>
          </cell>
          <cell r="O302">
            <v>45564</v>
          </cell>
          <cell r="P302">
            <v>47391</v>
          </cell>
          <cell r="Q302">
            <v>49217</v>
          </cell>
        </row>
        <row r="303">
          <cell r="G303">
            <v>301</v>
          </cell>
          <cell r="I303" t="str">
            <v>オ－エヌエンジニア株式会社</v>
          </cell>
          <cell r="J303" t="str">
            <v>加西市</v>
          </cell>
          <cell r="K303" t="str">
            <v>段下町179</v>
          </cell>
          <cell r="L303" t="str">
            <v>小野和馬</v>
          </cell>
          <cell r="M303" t="str">
            <v>0790-48-8906</v>
          </cell>
          <cell r="N303">
            <v>41821</v>
          </cell>
          <cell r="O303">
            <v>45564</v>
          </cell>
          <cell r="P303">
            <v>47391</v>
          </cell>
          <cell r="Q303">
            <v>49217</v>
          </cell>
        </row>
        <row r="304">
          <cell r="G304">
            <v>302</v>
          </cell>
          <cell r="H304" t="str">
            <v>㈱</v>
          </cell>
          <cell r="I304" t="str">
            <v>リライフ</v>
          </cell>
          <cell r="J304" t="str">
            <v>姫路市</v>
          </cell>
          <cell r="K304" t="str">
            <v>北原288-1</v>
          </cell>
          <cell r="L304" t="str">
            <v>廣谷和祥</v>
          </cell>
          <cell r="M304" t="str">
            <v>079-287-8745</v>
          </cell>
          <cell r="N304">
            <v>41915</v>
          </cell>
          <cell r="O304">
            <v>45564</v>
          </cell>
        </row>
        <row r="305">
          <cell r="G305">
            <v>303</v>
          </cell>
          <cell r="H305" t="str">
            <v>㈱</v>
          </cell>
          <cell r="I305" t="str">
            <v>大西住設</v>
          </cell>
          <cell r="J305" t="str">
            <v>加古川市</v>
          </cell>
          <cell r="K305" t="str">
            <v>野口町水足519-2</v>
          </cell>
          <cell r="L305" t="str">
            <v>大西敬一郎</v>
          </cell>
          <cell r="M305" t="str">
            <v>079-490-3440</v>
          </cell>
          <cell r="N305">
            <v>42271</v>
          </cell>
          <cell r="O305">
            <v>45564</v>
          </cell>
          <cell r="P305">
            <v>47391</v>
          </cell>
          <cell r="Q305">
            <v>49217</v>
          </cell>
        </row>
        <row r="306">
          <cell r="G306">
            <v>304</v>
          </cell>
          <cell r="I306" t="str">
            <v>三菱電機ｼｽﾃﾑｻｰﾋﾞｽ株式会社姫路ｻｰﾋﾞｽｽﾃｰｼｮﾝ</v>
          </cell>
          <cell r="J306" t="str">
            <v>姫路市</v>
          </cell>
          <cell r="K306" t="str">
            <v>白浜町宇佐崎中2-576</v>
          </cell>
          <cell r="L306" t="str">
            <v>鈴木　聡</v>
          </cell>
          <cell r="M306" t="str">
            <v>079-246-7480</v>
          </cell>
          <cell r="N306">
            <v>42430</v>
          </cell>
          <cell r="O306">
            <v>45564</v>
          </cell>
          <cell r="P306">
            <v>47391</v>
          </cell>
          <cell r="Q306">
            <v>49217</v>
          </cell>
        </row>
        <row r="307">
          <cell r="G307">
            <v>305</v>
          </cell>
          <cell r="H307" t="str">
            <v>㈱</v>
          </cell>
          <cell r="I307" t="str">
            <v>関山設備</v>
          </cell>
          <cell r="J307" t="str">
            <v>加古川市</v>
          </cell>
          <cell r="K307" t="str">
            <v>東神吉町西井ノ口229-24</v>
          </cell>
          <cell r="L307" t="str">
            <v>関山忠治</v>
          </cell>
          <cell r="M307" t="str">
            <v>079-439-4407</v>
          </cell>
          <cell r="N307">
            <v>42430</v>
          </cell>
          <cell r="O307">
            <v>45564</v>
          </cell>
          <cell r="P307">
            <v>47391</v>
          </cell>
          <cell r="Q307">
            <v>49217</v>
          </cell>
        </row>
        <row r="308">
          <cell r="G308">
            <v>306</v>
          </cell>
          <cell r="H308" t="str">
            <v>㈱</v>
          </cell>
          <cell r="I308" t="str">
            <v>西日本設備</v>
          </cell>
          <cell r="J308" t="str">
            <v>大阪府</v>
          </cell>
          <cell r="K308" t="str">
            <v>吹田市内本町3-28-10</v>
          </cell>
          <cell r="L308" t="str">
            <v>三角武史</v>
          </cell>
          <cell r="M308" t="str">
            <v>06-6155-5570</v>
          </cell>
          <cell r="N308">
            <v>42541</v>
          </cell>
          <cell r="O308">
            <v>45564</v>
          </cell>
        </row>
        <row r="309">
          <cell r="G309">
            <v>307</v>
          </cell>
          <cell r="I309" t="str">
            <v>鬼本工業有限会社</v>
          </cell>
          <cell r="J309" t="str">
            <v>神崎郡</v>
          </cell>
          <cell r="K309" t="str">
            <v>福崎町高岡1461</v>
          </cell>
          <cell r="L309" t="str">
            <v>坂本文男</v>
          </cell>
          <cell r="M309" t="str">
            <v>0790-22-5614</v>
          </cell>
          <cell r="N309">
            <v>42542</v>
          </cell>
          <cell r="O309">
            <v>45564</v>
          </cell>
          <cell r="P309">
            <v>47391</v>
          </cell>
          <cell r="Q309">
            <v>49217</v>
          </cell>
        </row>
        <row r="310">
          <cell r="G310">
            <v>308</v>
          </cell>
          <cell r="H310" t="str">
            <v>㈱</v>
          </cell>
          <cell r="I310" t="str">
            <v>アクアライン</v>
          </cell>
          <cell r="J310" t="str">
            <v>広島県</v>
          </cell>
          <cell r="K310" t="str">
            <v>広島市中区上八丁堀８番８号第1ｳｴﾉﾔﾋﾞﾙ6Ｆ</v>
          </cell>
          <cell r="L310" t="str">
            <v>楯　広長</v>
          </cell>
          <cell r="M310" t="str">
            <v>082-502-6644</v>
          </cell>
          <cell r="N310">
            <v>42627</v>
          </cell>
          <cell r="O310">
            <v>45564</v>
          </cell>
          <cell r="P310">
            <v>47391</v>
          </cell>
          <cell r="Q310">
            <v>49217</v>
          </cell>
        </row>
        <row r="311">
          <cell r="G311">
            <v>309</v>
          </cell>
          <cell r="H311" t="str">
            <v>㈲</v>
          </cell>
          <cell r="I311" t="str">
            <v>松岡組</v>
          </cell>
          <cell r="J311" t="str">
            <v>神戸市</v>
          </cell>
          <cell r="K311" t="str">
            <v>西区櫨谷町寺谷1242番693</v>
          </cell>
          <cell r="L311" t="str">
            <v>松岡哲生</v>
          </cell>
          <cell r="M311" t="str">
            <v>078-997-1422</v>
          </cell>
          <cell r="N311">
            <v>42716</v>
          </cell>
          <cell r="O311">
            <v>45564</v>
          </cell>
          <cell r="P311">
            <v>47391</v>
          </cell>
          <cell r="Q311">
            <v>49217</v>
          </cell>
        </row>
        <row r="312">
          <cell r="G312">
            <v>310</v>
          </cell>
          <cell r="H312" t="str">
            <v>㈲</v>
          </cell>
          <cell r="I312" t="str">
            <v>三和テック</v>
          </cell>
          <cell r="J312" t="str">
            <v>姫路市</v>
          </cell>
          <cell r="K312" t="str">
            <v>広畑区東夢前台4丁目122番地</v>
          </cell>
          <cell r="L312" t="str">
            <v>三浦岩和</v>
          </cell>
          <cell r="M312" t="str">
            <v>079-228-7566</v>
          </cell>
          <cell r="N312">
            <v>42906</v>
          </cell>
          <cell r="O312">
            <v>45564</v>
          </cell>
        </row>
        <row r="313">
          <cell r="G313">
            <v>311</v>
          </cell>
          <cell r="H313" t="str">
            <v>㈲</v>
          </cell>
          <cell r="I313" t="str">
            <v>大野設備</v>
          </cell>
          <cell r="J313" t="str">
            <v>姫路市</v>
          </cell>
          <cell r="K313" t="str">
            <v>香寺町溝口837-1</v>
          </cell>
          <cell r="L313" t="str">
            <v>西川勝吾</v>
          </cell>
          <cell r="M313" t="str">
            <v>079-232-3226</v>
          </cell>
          <cell r="N313">
            <v>42906</v>
          </cell>
          <cell r="O313">
            <v>45564</v>
          </cell>
          <cell r="P313">
            <v>47391</v>
          </cell>
          <cell r="Q313">
            <v>49217</v>
          </cell>
        </row>
        <row r="314">
          <cell r="G314">
            <v>312</v>
          </cell>
          <cell r="I314" t="str">
            <v>光丸商會</v>
          </cell>
          <cell r="J314" t="str">
            <v>丹波市</v>
          </cell>
          <cell r="K314" t="str">
            <v>山南町大谷263-1</v>
          </cell>
          <cell r="L314" t="str">
            <v>横内秀光</v>
          </cell>
          <cell r="M314" t="str">
            <v>0795-77-1229</v>
          </cell>
          <cell r="N314">
            <v>42906</v>
          </cell>
          <cell r="O314">
            <v>45564</v>
          </cell>
          <cell r="P314">
            <v>47391</v>
          </cell>
          <cell r="Q314">
            <v>49217</v>
          </cell>
        </row>
        <row r="315">
          <cell r="G315">
            <v>313</v>
          </cell>
          <cell r="H315" t="str">
            <v>㈲</v>
          </cell>
          <cell r="I315" t="str">
            <v>多紀水工</v>
          </cell>
          <cell r="J315" t="str">
            <v>丹波篠山市</v>
          </cell>
          <cell r="K315" t="str">
            <v>古市61</v>
          </cell>
          <cell r="L315" t="str">
            <v>村上秀樹</v>
          </cell>
          <cell r="M315" t="str">
            <v>0795-95-0537</v>
          </cell>
          <cell r="N315">
            <v>42998</v>
          </cell>
          <cell r="O315">
            <v>45564</v>
          </cell>
        </row>
        <row r="316">
          <cell r="G316">
            <v>314</v>
          </cell>
          <cell r="I316" t="str">
            <v>えばし設備</v>
          </cell>
          <cell r="J316" t="str">
            <v>姫路市</v>
          </cell>
          <cell r="K316" t="str">
            <v>木場550-9</v>
          </cell>
          <cell r="L316" t="str">
            <v>江端達也</v>
          </cell>
          <cell r="M316" t="str">
            <v>079-246-2283</v>
          </cell>
          <cell r="N316">
            <v>42998</v>
          </cell>
          <cell r="O316">
            <v>45564</v>
          </cell>
          <cell r="P316">
            <v>47391</v>
          </cell>
          <cell r="Q316">
            <v>49217</v>
          </cell>
        </row>
        <row r="317">
          <cell r="G317">
            <v>315</v>
          </cell>
          <cell r="H317" t="str">
            <v>㈱</v>
          </cell>
          <cell r="I317" t="str">
            <v>中井設備</v>
          </cell>
          <cell r="J317" t="str">
            <v>姫路市</v>
          </cell>
          <cell r="K317" t="str">
            <v>飾東町小原新201-1</v>
          </cell>
          <cell r="L317" t="str">
            <v>中井正二</v>
          </cell>
          <cell r="M317" t="str">
            <v>079-262-0066</v>
          </cell>
          <cell r="N317">
            <v>42998</v>
          </cell>
          <cell r="O317">
            <v>45564</v>
          </cell>
          <cell r="P317">
            <v>47391</v>
          </cell>
          <cell r="Q317">
            <v>49217</v>
          </cell>
        </row>
        <row r="318">
          <cell r="G318">
            <v>316</v>
          </cell>
          <cell r="H318" t="str">
            <v>㈲</v>
          </cell>
          <cell r="I318" t="str">
            <v>ミヤマ</v>
          </cell>
          <cell r="J318" t="str">
            <v>加西市</v>
          </cell>
          <cell r="K318" t="str">
            <v>北条町古坂442-2</v>
          </cell>
          <cell r="L318" t="str">
            <v>日下部太</v>
          </cell>
          <cell r="M318" t="str">
            <v>0790-35-9703</v>
          </cell>
          <cell r="N318">
            <v>43087</v>
          </cell>
          <cell r="O318">
            <v>45564</v>
          </cell>
          <cell r="P318">
            <v>47391</v>
          </cell>
          <cell r="Q318">
            <v>49217</v>
          </cell>
        </row>
        <row r="319">
          <cell r="G319">
            <v>317</v>
          </cell>
          <cell r="H319" t="str">
            <v>㈱</v>
          </cell>
          <cell r="I319" t="str">
            <v>シン</v>
          </cell>
          <cell r="J319" t="str">
            <v>加古川市</v>
          </cell>
          <cell r="K319" t="str">
            <v>野口町北野1321-1</v>
          </cell>
          <cell r="L319" t="str">
            <v>坂本直哉</v>
          </cell>
          <cell r="M319" t="str">
            <v>079-423-7809</v>
          </cell>
          <cell r="N319">
            <v>43167</v>
          </cell>
          <cell r="O319">
            <v>45564</v>
          </cell>
          <cell r="P319">
            <v>47391</v>
          </cell>
          <cell r="Q319">
            <v>49217</v>
          </cell>
        </row>
        <row r="320">
          <cell r="G320">
            <v>318</v>
          </cell>
          <cell r="I320" t="str">
            <v>市木工業</v>
          </cell>
          <cell r="J320" t="str">
            <v>姫路市</v>
          </cell>
          <cell r="K320" t="str">
            <v>飾磨区玉地48-7</v>
          </cell>
          <cell r="L320" t="str">
            <v>市木良太</v>
          </cell>
          <cell r="M320" t="str">
            <v>079-228-0171</v>
          </cell>
          <cell r="N320">
            <v>43255</v>
          </cell>
          <cell r="O320">
            <v>45564</v>
          </cell>
          <cell r="P320">
            <v>47391</v>
          </cell>
          <cell r="Q320">
            <v>49217</v>
          </cell>
        </row>
        <row r="321">
          <cell r="G321">
            <v>319</v>
          </cell>
          <cell r="H321" t="str">
            <v>㈱</v>
          </cell>
          <cell r="I321" t="str">
            <v>クラシアン神戸支社</v>
          </cell>
          <cell r="J321" t="str">
            <v>神戸市</v>
          </cell>
          <cell r="K321" t="str">
            <v>長田区大道通5丁目101-15ｸﾞﾗﾝﾄﾞｰﾚ大道1Ｆ</v>
          </cell>
          <cell r="L321" t="str">
            <v>今田健治</v>
          </cell>
          <cell r="M321" t="str">
            <v>0120-500-500</v>
          </cell>
          <cell r="N321">
            <v>43363</v>
          </cell>
          <cell r="O321">
            <v>45564</v>
          </cell>
          <cell r="P321">
            <v>47391</v>
          </cell>
          <cell r="Q321">
            <v>49217</v>
          </cell>
        </row>
        <row r="322">
          <cell r="G322">
            <v>320</v>
          </cell>
          <cell r="H322" t="str">
            <v>㈱</v>
          </cell>
          <cell r="I322" t="str">
            <v>翔設備</v>
          </cell>
          <cell r="J322" t="str">
            <v>加古川市</v>
          </cell>
          <cell r="K322" t="str">
            <v>別府町別府629番地の1</v>
          </cell>
          <cell r="L322" t="str">
            <v>黒田幸介</v>
          </cell>
          <cell r="M322" t="str">
            <v>079-497-7174</v>
          </cell>
          <cell r="N322">
            <v>43363</v>
          </cell>
          <cell r="O322">
            <v>45564</v>
          </cell>
          <cell r="P322">
            <v>47391</v>
          </cell>
          <cell r="Q322">
            <v>49217</v>
          </cell>
        </row>
        <row r="323">
          <cell r="G323">
            <v>321</v>
          </cell>
          <cell r="H323" t="str">
            <v>㈱</v>
          </cell>
          <cell r="I323" t="str">
            <v>シモウラ</v>
          </cell>
          <cell r="J323" t="str">
            <v>加西市</v>
          </cell>
          <cell r="K323" t="str">
            <v>笹倉町151-1</v>
          </cell>
          <cell r="L323" t="str">
            <v>霜浦雅宏</v>
          </cell>
          <cell r="M323" t="str">
            <v>0790-35-9850</v>
          </cell>
          <cell r="N323">
            <v>43636</v>
          </cell>
          <cell r="O323">
            <v>45564</v>
          </cell>
          <cell r="P323">
            <v>47391</v>
          </cell>
          <cell r="Q323">
            <v>49217</v>
          </cell>
        </row>
        <row r="324">
          <cell r="G324">
            <v>322</v>
          </cell>
          <cell r="I324" t="str">
            <v>大谷設備</v>
          </cell>
          <cell r="J324" t="str">
            <v>加西市</v>
          </cell>
          <cell r="K324" t="str">
            <v>東剣坂町515</v>
          </cell>
          <cell r="L324" t="str">
            <v>大谷修司</v>
          </cell>
          <cell r="M324" t="str">
            <v>0790-46-0045</v>
          </cell>
          <cell r="N324">
            <v>43818</v>
          </cell>
          <cell r="O324">
            <v>45644</v>
          </cell>
          <cell r="P324">
            <v>47391</v>
          </cell>
          <cell r="Q324">
            <v>49217</v>
          </cell>
        </row>
        <row r="325">
          <cell r="G325">
            <v>323</v>
          </cell>
          <cell r="I325" t="str">
            <v>リノベイト設備</v>
          </cell>
          <cell r="J325" t="str">
            <v>三木市</v>
          </cell>
          <cell r="K325" t="str">
            <v>緑が丘町中2丁目2番地20</v>
          </cell>
          <cell r="L325" t="str">
            <v>竹内正明</v>
          </cell>
          <cell r="M325" t="str">
            <v>0794-85-5762</v>
          </cell>
          <cell r="N325">
            <v>43818</v>
          </cell>
          <cell r="O325">
            <v>45644</v>
          </cell>
          <cell r="P325">
            <v>47391</v>
          </cell>
          <cell r="Q325">
            <v>49217</v>
          </cell>
        </row>
        <row r="326">
          <cell r="G326">
            <v>324</v>
          </cell>
          <cell r="H326" t="str">
            <v>㈱</v>
          </cell>
          <cell r="I326" t="str">
            <v>ユーサーブ</v>
          </cell>
          <cell r="J326" t="str">
            <v>神戸市</v>
          </cell>
          <cell r="K326" t="str">
            <v>西区福吉台2-25-17</v>
          </cell>
          <cell r="L326" t="str">
            <v>壷阪慎也</v>
          </cell>
          <cell r="M326" t="str">
            <v>078-967-5959</v>
          </cell>
          <cell r="N326">
            <v>44001</v>
          </cell>
          <cell r="O326">
            <v>45826</v>
          </cell>
          <cell r="P326">
            <v>47391</v>
          </cell>
          <cell r="Q326">
            <v>49217</v>
          </cell>
        </row>
        <row r="327">
          <cell r="G327">
            <v>325</v>
          </cell>
          <cell r="H327" t="str">
            <v>㈱</v>
          </cell>
          <cell r="I327" t="str">
            <v>ツボサカ</v>
          </cell>
          <cell r="J327" t="str">
            <v>神戸市</v>
          </cell>
          <cell r="K327" t="str">
            <v>西区福吉台2-25-17</v>
          </cell>
          <cell r="L327" t="str">
            <v>壷阪直樹</v>
          </cell>
          <cell r="M327" t="str">
            <v>078-967-2122</v>
          </cell>
          <cell r="N327">
            <v>44001</v>
          </cell>
          <cell r="O327">
            <v>45826</v>
          </cell>
          <cell r="P327">
            <v>47391</v>
          </cell>
          <cell r="Q327">
            <v>49217</v>
          </cell>
        </row>
        <row r="328">
          <cell r="G328">
            <v>326</v>
          </cell>
          <cell r="H328" t="str">
            <v>㈱</v>
          </cell>
          <cell r="I328" t="str">
            <v>K's Corporation</v>
          </cell>
          <cell r="J328" t="str">
            <v>大阪府</v>
          </cell>
          <cell r="K328" t="str">
            <v>大阪市東淀川区東中島1-17-18</v>
          </cell>
          <cell r="L328" t="str">
            <v>北村　仁</v>
          </cell>
          <cell r="M328" t="str">
            <v>06-6990-1524</v>
          </cell>
          <cell r="N328">
            <v>44278</v>
          </cell>
          <cell r="P328">
            <v>45930</v>
          </cell>
          <cell r="Q328">
            <v>47756</v>
          </cell>
        </row>
        <row r="329">
          <cell r="G329">
            <v>327</v>
          </cell>
          <cell r="I329" t="str">
            <v>小林設備</v>
          </cell>
          <cell r="J329" t="str">
            <v>明石市</v>
          </cell>
          <cell r="K329" t="str">
            <v>二見町西二見1869番1</v>
          </cell>
          <cell r="L329" t="str">
            <v>小林治朗</v>
          </cell>
          <cell r="M329" t="str">
            <v>078-943-5500</v>
          </cell>
          <cell r="N329">
            <v>44278</v>
          </cell>
          <cell r="P329">
            <v>45930</v>
          </cell>
          <cell r="Q329">
            <v>47756</v>
          </cell>
        </row>
        <row r="330">
          <cell r="G330">
            <v>328</v>
          </cell>
          <cell r="I330" t="str">
            <v>ホームテックあおい</v>
          </cell>
          <cell r="J330" t="str">
            <v>加古郡</v>
          </cell>
          <cell r="K330" t="str">
            <v>稲美町加古3253番地の3</v>
          </cell>
          <cell r="L330" t="str">
            <v>三俣雄司</v>
          </cell>
          <cell r="M330" t="str">
            <v>079-492-1028</v>
          </cell>
          <cell r="N330">
            <v>44278</v>
          </cell>
          <cell r="P330">
            <v>45930</v>
          </cell>
          <cell r="Q330">
            <v>47756</v>
          </cell>
        </row>
        <row r="331">
          <cell r="G331">
            <v>329</v>
          </cell>
          <cell r="H331" t="str">
            <v>㈱</v>
          </cell>
          <cell r="I331" t="str">
            <v>永光設備</v>
          </cell>
          <cell r="J331" t="str">
            <v>加古川市</v>
          </cell>
          <cell r="K331" t="str">
            <v>加古川町粟津145-11</v>
          </cell>
          <cell r="L331" t="str">
            <v>永光礼史</v>
          </cell>
          <cell r="M331" t="str">
            <v>079-440-5110</v>
          </cell>
          <cell r="N331">
            <v>44376</v>
          </cell>
          <cell r="P331">
            <v>45930</v>
          </cell>
          <cell r="Q331">
            <v>47756</v>
          </cell>
        </row>
        <row r="332">
          <cell r="G332">
            <v>330</v>
          </cell>
          <cell r="H332" t="str">
            <v>㈲</v>
          </cell>
          <cell r="I332" t="str">
            <v>ライズコーポレーション</v>
          </cell>
          <cell r="J332" t="str">
            <v>加西市</v>
          </cell>
          <cell r="K332" t="str">
            <v>段下町848-10</v>
          </cell>
          <cell r="L332" t="str">
            <v>塚前隆一</v>
          </cell>
          <cell r="M332" t="str">
            <v>48-2771</v>
          </cell>
          <cell r="N332">
            <v>44376</v>
          </cell>
          <cell r="P332">
            <v>45930</v>
          </cell>
          <cell r="Q332">
            <v>47756</v>
          </cell>
        </row>
        <row r="333">
          <cell r="G333">
            <v>331</v>
          </cell>
          <cell r="H333" t="str">
            <v>㈱</v>
          </cell>
          <cell r="I333" t="str">
            <v>クリーンライフ</v>
          </cell>
          <cell r="J333" t="str">
            <v>大阪府</v>
          </cell>
          <cell r="K333" t="str">
            <v>吹田市広芝町6-10</v>
          </cell>
          <cell r="L333" t="str">
            <v>元村祐次</v>
          </cell>
          <cell r="M333" t="str">
            <v>06-6821-6133</v>
          </cell>
          <cell r="N333">
            <v>44470</v>
          </cell>
          <cell r="P333">
            <v>46295</v>
          </cell>
          <cell r="Q333">
            <v>48121</v>
          </cell>
        </row>
        <row r="334">
          <cell r="G334">
            <v>332</v>
          </cell>
          <cell r="H334" t="str">
            <v>㈱</v>
          </cell>
          <cell r="I334" t="str">
            <v>シンエイ</v>
          </cell>
          <cell r="J334" t="str">
            <v>大阪府</v>
          </cell>
          <cell r="K334" t="str">
            <v>大阪市中央区谷町2-4-3ｱｲｴｽﾋﾞﾙ9F</v>
          </cell>
          <cell r="L334" t="str">
            <v>木原朗広</v>
          </cell>
          <cell r="M334" t="str">
            <v>06-6944-7797</v>
          </cell>
          <cell r="N334">
            <v>44470</v>
          </cell>
          <cell r="P334">
            <v>46295</v>
          </cell>
          <cell r="Q334">
            <v>48121</v>
          </cell>
        </row>
        <row r="335">
          <cell r="G335">
            <v>333</v>
          </cell>
          <cell r="H335" t="str">
            <v>㈱</v>
          </cell>
          <cell r="I335" t="str">
            <v>宮先商店</v>
          </cell>
          <cell r="J335" t="str">
            <v>高砂市</v>
          </cell>
          <cell r="K335" t="str">
            <v>高砂町浜田町1丁目6-3</v>
          </cell>
          <cell r="L335" t="str">
            <v>太田浩史</v>
          </cell>
          <cell r="M335" t="str">
            <v>079-443-3737</v>
          </cell>
          <cell r="N335">
            <v>44470</v>
          </cell>
          <cell r="P335">
            <v>46295</v>
          </cell>
          <cell r="Q335">
            <v>48121</v>
          </cell>
        </row>
        <row r="336">
          <cell r="G336">
            <v>334</v>
          </cell>
          <cell r="H336" t="str">
            <v>㈱</v>
          </cell>
          <cell r="I336" t="str">
            <v>堀田土建</v>
          </cell>
          <cell r="J336" t="str">
            <v>姫路市</v>
          </cell>
          <cell r="K336" t="str">
            <v>豊倉町豊富895-1</v>
          </cell>
          <cell r="L336" t="str">
            <v>堀田義行</v>
          </cell>
          <cell r="M336" t="str">
            <v>079-264-4905</v>
          </cell>
          <cell r="N336">
            <v>44551</v>
          </cell>
          <cell r="P336">
            <v>46295</v>
          </cell>
          <cell r="Q336">
            <v>48121</v>
          </cell>
        </row>
        <row r="337">
          <cell r="G337">
            <v>335</v>
          </cell>
          <cell r="H337" t="str">
            <v>㈱</v>
          </cell>
          <cell r="I337" t="str">
            <v>N-Vision</v>
          </cell>
          <cell r="J337" t="str">
            <v>広島県</v>
          </cell>
          <cell r="K337" t="str">
            <v>広島市中区鶴見町8-57</v>
          </cell>
          <cell r="L337" t="str">
            <v>中村信幸</v>
          </cell>
          <cell r="M337" t="str">
            <v>082-275-5227</v>
          </cell>
          <cell r="N337">
            <v>44551</v>
          </cell>
          <cell r="P337">
            <v>46295</v>
          </cell>
          <cell r="Q337">
            <v>48121</v>
          </cell>
        </row>
        <row r="338">
          <cell r="G338">
            <v>336</v>
          </cell>
          <cell r="I338" t="str">
            <v>ヒカリ住設合同会社</v>
          </cell>
          <cell r="J338" t="str">
            <v>姫路市</v>
          </cell>
          <cell r="K338" t="str">
            <v>大津区天満1219</v>
          </cell>
          <cell r="L338" t="str">
            <v>三木克友</v>
          </cell>
          <cell r="M338" t="str">
            <v>079-287-9802</v>
          </cell>
          <cell r="N338">
            <v>44643</v>
          </cell>
          <cell r="P338">
            <v>46295</v>
          </cell>
          <cell r="Q338">
            <v>48121</v>
          </cell>
        </row>
        <row r="339">
          <cell r="G339">
            <v>337</v>
          </cell>
          <cell r="H339" t="str">
            <v>㈱</v>
          </cell>
          <cell r="I339" t="str">
            <v>キンライサー</v>
          </cell>
          <cell r="J339" t="str">
            <v>東京都</v>
          </cell>
          <cell r="K339" t="str">
            <v>港区虎ノ門一丁目3番1号</v>
          </cell>
          <cell r="L339" t="str">
            <v>森崇　伸</v>
          </cell>
          <cell r="M339" t="str">
            <v>03-5157-2400</v>
          </cell>
          <cell r="N339">
            <v>44733</v>
          </cell>
          <cell r="P339">
            <v>46295</v>
          </cell>
          <cell r="Q339">
            <v>48121</v>
          </cell>
        </row>
        <row r="340">
          <cell r="G340">
            <v>338</v>
          </cell>
          <cell r="H340" t="str">
            <v>㈱</v>
          </cell>
          <cell r="I340" t="str">
            <v>KSランディングス</v>
          </cell>
          <cell r="J340" t="str">
            <v>加古川市</v>
          </cell>
          <cell r="K340" t="str">
            <v>八幡町中西条1077-2</v>
          </cell>
          <cell r="L340" t="str">
            <v>加古岳大</v>
          </cell>
          <cell r="M340" t="str">
            <v>079-439-2291</v>
          </cell>
          <cell r="N340">
            <v>44835</v>
          </cell>
          <cell r="P340">
            <v>46660</v>
          </cell>
          <cell r="Q340">
            <v>48487</v>
          </cell>
        </row>
        <row r="341">
          <cell r="G341">
            <v>339</v>
          </cell>
          <cell r="H341" t="str">
            <v>㈱</v>
          </cell>
          <cell r="I341" t="str">
            <v>モリケン</v>
          </cell>
          <cell r="J341" t="str">
            <v>加西市</v>
          </cell>
          <cell r="K341" t="str">
            <v>野田町95-4</v>
          </cell>
          <cell r="L341" t="str">
            <v>森本忠雄</v>
          </cell>
          <cell r="M341" t="str">
            <v>48-4848</v>
          </cell>
          <cell r="N341">
            <v>44835</v>
          </cell>
          <cell r="P341">
            <v>46660</v>
          </cell>
          <cell r="Q341">
            <v>48487</v>
          </cell>
        </row>
        <row r="342">
          <cell r="G342">
            <v>340</v>
          </cell>
          <cell r="H342" t="str">
            <v>㈱</v>
          </cell>
          <cell r="I342" t="str">
            <v>藤井設備</v>
          </cell>
          <cell r="J342" t="str">
            <v>高砂市</v>
          </cell>
          <cell r="K342" t="str">
            <v>神爪五丁目3-6</v>
          </cell>
          <cell r="L342" t="str">
            <v>藤井篤史</v>
          </cell>
          <cell r="M342" t="str">
            <v>079-451-7297</v>
          </cell>
          <cell r="N342">
            <v>44915</v>
          </cell>
          <cell r="P342">
            <v>46660</v>
          </cell>
          <cell r="Q342">
            <v>48487</v>
          </cell>
        </row>
        <row r="343">
          <cell r="G343">
            <v>341</v>
          </cell>
          <cell r="I343" t="str">
            <v>ハナフサ産業株式会社</v>
          </cell>
          <cell r="J343" t="str">
            <v>加古川市</v>
          </cell>
          <cell r="K343" t="str">
            <v>八幡町中西条410</v>
          </cell>
          <cell r="L343" t="str">
            <v>花房景造</v>
          </cell>
          <cell r="M343" t="str">
            <v>079-438-0009</v>
          </cell>
          <cell r="N343">
            <v>45007</v>
          </cell>
          <cell r="P343">
            <v>46660</v>
          </cell>
          <cell r="Q343">
            <v>48487</v>
          </cell>
        </row>
        <row r="344">
          <cell r="G344">
            <v>342</v>
          </cell>
          <cell r="H344" t="str">
            <v>㈱</v>
          </cell>
          <cell r="I344" t="str">
            <v>IDEAL</v>
          </cell>
          <cell r="J344" t="str">
            <v>大阪府</v>
          </cell>
          <cell r="K344" t="str">
            <v>大阪市都島区高倉町1-11-19樋口ハイツ301号</v>
          </cell>
          <cell r="L344" t="str">
            <v>笹木直樹</v>
          </cell>
          <cell r="M344" t="str">
            <v>0120-777-035</v>
          </cell>
          <cell r="N344">
            <v>45098</v>
          </cell>
        </row>
        <row r="345">
          <cell r="G345">
            <v>343</v>
          </cell>
          <cell r="I345" t="str">
            <v>設備サービス</v>
          </cell>
          <cell r="J345" t="str">
            <v>三木市</v>
          </cell>
          <cell r="K345" t="str">
            <v>跡部265-1</v>
          </cell>
          <cell r="L345" t="str">
            <v>荻野正広</v>
          </cell>
          <cell r="M345" t="str">
            <v>0794-86-6663</v>
          </cell>
          <cell r="N345">
            <v>45200</v>
          </cell>
          <cell r="P345">
            <v>47026</v>
          </cell>
          <cell r="Q345">
            <v>48852</v>
          </cell>
        </row>
        <row r="346">
          <cell r="G346">
            <v>344</v>
          </cell>
          <cell r="H346" t="str">
            <v>㈱</v>
          </cell>
          <cell r="I346" t="str">
            <v>水協</v>
          </cell>
          <cell r="J346" t="str">
            <v>大阪府</v>
          </cell>
          <cell r="K346" t="str">
            <v>大阪市天王寺区東高津町3-29-201</v>
          </cell>
          <cell r="L346" t="str">
            <v>井川英輝</v>
          </cell>
          <cell r="M346" t="str">
            <v>06-4305-7414</v>
          </cell>
          <cell r="N346">
            <v>45281</v>
          </cell>
          <cell r="P346">
            <v>47026</v>
          </cell>
          <cell r="Q346">
            <v>48852</v>
          </cell>
        </row>
        <row r="347">
          <cell r="G347">
            <v>345</v>
          </cell>
          <cell r="H347" t="str">
            <v>㈱</v>
          </cell>
          <cell r="I347" t="str">
            <v>フレックス</v>
          </cell>
          <cell r="J347" t="str">
            <v>姫路市</v>
          </cell>
          <cell r="K347" t="str">
            <v>広畑区西夢前台七丁目72番地</v>
          </cell>
          <cell r="L347" t="str">
            <v>山田祐輔</v>
          </cell>
          <cell r="M347" t="str">
            <v>079-237-4968</v>
          </cell>
          <cell r="N347">
            <v>45281</v>
          </cell>
          <cell r="P347">
            <v>47026</v>
          </cell>
          <cell r="Q347">
            <v>48852</v>
          </cell>
        </row>
        <row r="348">
          <cell r="G348">
            <v>346</v>
          </cell>
          <cell r="I348" t="str">
            <v>宮田設備</v>
          </cell>
          <cell r="J348" t="str">
            <v>朝来市</v>
          </cell>
          <cell r="K348" t="str">
            <v>生野町栃原615番地</v>
          </cell>
          <cell r="L348" t="str">
            <v>宮田　徹</v>
          </cell>
          <cell r="M348" t="str">
            <v>079-679-2842</v>
          </cell>
          <cell r="N348">
            <v>45474</v>
          </cell>
          <cell r="P348">
            <v>47026</v>
          </cell>
          <cell r="Q348">
            <v>48852</v>
          </cell>
        </row>
        <row r="349">
          <cell r="G349">
            <v>347</v>
          </cell>
          <cell r="H349" t="str">
            <v>㈱</v>
          </cell>
          <cell r="I349" t="str">
            <v>Mavericks</v>
          </cell>
          <cell r="J349" t="str">
            <v>大阪府</v>
          </cell>
          <cell r="K349" t="str">
            <v>松原市岡2-4-22</v>
          </cell>
          <cell r="L349" t="str">
            <v>平見健二</v>
          </cell>
          <cell r="M349" t="str">
            <v>072-349-2551</v>
          </cell>
          <cell r="N349">
            <v>45566</v>
          </cell>
          <cell r="P349">
            <v>47391</v>
          </cell>
          <cell r="Q349">
            <v>49217</v>
          </cell>
        </row>
        <row r="350">
          <cell r="G350">
            <v>348</v>
          </cell>
          <cell r="I350" t="str">
            <v>フジタカ工業株式会社</v>
          </cell>
          <cell r="J350" t="str">
            <v>姫路市</v>
          </cell>
          <cell r="K350" t="str">
            <v>夢前町古知之庄207-6</v>
          </cell>
          <cell r="L350" t="str">
            <v>高田佳宏</v>
          </cell>
          <cell r="M350" t="str">
            <v>079-336-2585</v>
          </cell>
          <cell r="N350">
            <v>45566</v>
          </cell>
          <cell r="P350">
            <v>47391</v>
          </cell>
          <cell r="Q350">
            <v>49217</v>
          </cell>
        </row>
        <row r="351">
          <cell r="G351">
            <v>349</v>
          </cell>
          <cell r="H351" t="str">
            <v>㈱</v>
          </cell>
          <cell r="I351" t="str">
            <v>三都住設</v>
          </cell>
          <cell r="J351" t="str">
            <v>姫路市</v>
          </cell>
          <cell r="K351" t="str">
            <v>東山326番地3</v>
          </cell>
          <cell r="L351" t="str">
            <v>岡田健太郎</v>
          </cell>
          <cell r="M351" t="str">
            <v>079-280-1631</v>
          </cell>
          <cell r="N351">
            <v>45658</v>
          </cell>
          <cell r="P351">
            <v>47391</v>
          </cell>
          <cell r="Q351">
            <v>49217</v>
          </cell>
        </row>
        <row r="352">
          <cell r="G352">
            <v>350</v>
          </cell>
          <cell r="H352" t="str">
            <v>㈱</v>
          </cell>
          <cell r="I352" t="str">
            <v>香寺設備サービス</v>
          </cell>
          <cell r="J352" t="str">
            <v>姫路市</v>
          </cell>
          <cell r="K352" t="str">
            <v>香寺町香呂197-1</v>
          </cell>
          <cell r="L352" t="str">
            <v>播戸孝好</v>
          </cell>
          <cell r="M352" t="str">
            <v>079-232-1048</v>
          </cell>
          <cell r="N352">
            <v>45658</v>
          </cell>
          <cell r="P352">
            <v>47391</v>
          </cell>
          <cell r="Q352">
            <v>49217</v>
          </cell>
        </row>
        <row r="353">
          <cell r="G353">
            <v>351</v>
          </cell>
          <cell r="H353" t="str">
            <v>㈱</v>
          </cell>
          <cell r="I353" t="str">
            <v>スローフォワード</v>
          </cell>
          <cell r="J353" t="str">
            <v>大阪府</v>
          </cell>
          <cell r="K353" t="str">
            <v>東大阪市若江東町2-7 3-901</v>
          </cell>
          <cell r="L353" t="str">
            <v>筒井勇雄</v>
          </cell>
          <cell r="M353" t="str">
            <v>06-4306-3144</v>
          </cell>
          <cell r="N353">
            <v>45658</v>
          </cell>
          <cell r="P353">
            <v>47391</v>
          </cell>
          <cell r="Q353">
            <v>49217</v>
          </cell>
        </row>
        <row r="354">
          <cell r="G354">
            <v>352</v>
          </cell>
          <cell r="H354" t="str">
            <v>㈱</v>
          </cell>
          <cell r="I354" t="str">
            <v>PULSES COMPANY</v>
          </cell>
          <cell r="J354" t="str">
            <v>岡山県</v>
          </cell>
          <cell r="K354" t="str">
            <v>岡山市中区湊260番地3</v>
          </cell>
          <cell r="L354" t="str">
            <v>長沼諒太</v>
          </cell>
          <cell r="M354" t="str">
            <v>090-5393-7989</v>
          </cell>
          <cell r="N354">
            <v>45839</v>
          </cell>
          <cell r="P354">
            <v>47391</v>
          </cell>
          <cell r="Q354">
            <v>49217</v>
          </cell>
        </row>
        <row r="355">
          <cell r="G355">
            <v>353</v>
          </cell>
          <cell r="I355" t="str">
            <v>大吉住研株式会社</v>
          </cell>
          <cell r="J355" t="str">
            <v>姫路市</v>
          </cell>
          <cell r="K355" t="str">
            <v>夢前町前之庄1987番地の10</v>
          </cell>
          <cell r="L355" t="str">
            <v>大江孝造</v>
          </cell>
          <cell r="M355" t="str">
            <v>079-336-0236</v>
          </cell>
          <cell r="N355">
            <v>46113</v>
          </cell>
          <cell r="Q355">
            <v>47756</v>
          </cell>
        </row>
        <row r="356">
          <cell r="G356">
            <v>354</v>
          </cell>
          <cell r="I356" t="str">
            <v>カメモト設備</v>
          </cell>
          <cell r="J356" t="str">
            <v>揖保郡</v>
          </cell>
          <cell r="K356" t="str">
            <v>太子町東保423番地3</v>
          </cell>
          <cell r="L356" t="str">
            <v>亀本寿志</v>
          </cell>
          <cell r="M356" t="str">
            <v>079-277-2462</v>
          </cell>
          <cell r="N356">
            <v>46113</v>
          </cell>
          <cell r="Q356">
            <v>47756</v>
          </cell>
        </row>
        <row r="357">
          <cell r="G357">
            <v>355</v>
          </cell>
          <cell r="H357" t="str">
            <v>㈲</v>
          </cell>
          <cell r="I357" t="str">
            <v>栄大設備</v>
          </cell>
          <cell r="J357" t="str">
            <v>朝来市</v>
          </cell>
          <cell r="K357" t="str">
            <v>羽渕130番地3</v>
          </cell>
          <cell r="L357" t="str">
            <v>関　富士男</v>
          </cell>
          <cell r="M357" t="str">
            <v>079-677-1628</v>
          </cell>
          <cell r="N357">
            <v>46113</v>
          </cell>
          <cell r="Q357">
            <v>47756</v>
          </cell>
        </row>
        <row r="358">
          <cell r="G358">
            <v>356</v>
          </cell>
          <cell r="H358" t="str">
            <v>㈱</v>
          </cell>
          <cell r="I358" t="str">
            <v>I・F・D</v>
          </cell>
          <cell r="J358" t="str">
            <v>神戸市</v>
          </cell>
          <cell r="K358" t="str">
            <v>西区平野町下村110番地</v>
          </cell>
          <cell r="L358" t="str">
            <v>松井信行</v>
          </cell>
          <cell r="M358" t="str">
            <v>078-939-4368</v>
          </cell>
          <cell r="N358">
            <v>46113</v>
          </cell>
          <cell r="Q358">
            <v>47756</v>
          </cell>
        </row>
        <row r="359">
          <cell r="G359">
            <v>357</v>
          </cell>
          <cell r="H359" t="str">
            <v>㈲</v>
          </cell>
          <cell r="I359" t="str">
            <v>富士工業所</v>
          </cell>
          <cell r="J359" t="str">
            <v>赤穂市</v>
          </cell>
          <cell r="K359" t="str">
            <v>北野中136番地の1</v>
          </cell>
          <cell r="L359" t="str">
            <v>高橋勝己</v>
          </cell>
          <cell r="M359" t="str">
            <v>0791-48-7838</v>
          </cell>
          <cell r="N359">
            <v>46204</v>
          </cell>
          <cell r="Q359">
            <v>47756</v>
          </cell>
        </row>
        <row r="360">
          <cell r="G360">
            <v>358</v>
          </cell>
          <cell r="N360">
            <v>46296</v>
          </cell>
          <cell r="Q360">
            <v>48121</v>
          </cell>
        </row>
        <row r="361">
          <cell r="G361">
            <v>359</v>
          </cell>
        </row>
        <row r="362">
          <cell r="G362">
            <v>360</v>
          </cell>
        </row>
        <row r="363">
          <cell r="G363">
            <v>361</v>
          </cell>
        </row>
        <row r="364">
          <cell r="G364">
            <v>362</v>
          </cell>
        </row>
        <row r="365">
          <cell r="G365">
            <v>363</v>
          </cell>
        </row>
        <row r="366">
          <cell r="G366">
            <v>364</v>
          </cell>
        </row>
        <row r="367">
          <cell r="G367">
            <v>365</v>
          </cell>
        </row>
        <row r="368">
          <cell r="G368">
            <v>366</v>
          </cell>
        </row>
        <row r="369">
          <cell r="G369">
            <v>367</v>
          </cell>
        </row>
        <row r="370">
          <cell r="G370">
            <v>368</v>
          </cell>
        </row>
        <row r="371">
          <cell r="G371">
            <v>369</v>
          </cell>
        </row>
        <row r="372">
          <cell r="G372">
            <v>370</v>
          </cell>
        </row>
        <row r="373">
          <cell r="G373">
            <v>371</v>
          </cell>
        </row>
        <row r="374">
          <cell r="G374">
            <v>372</v>
          </cell>
        </row>
        <row r="375">
          <cell r="G375">
            <v>373</v>
          </cell>
        </row>
        <row r="376">
          <cell r="G376">
            <v>374</v>
          </cell>
        </row>
        <row r="377">
          <cell r="G377">
            <v>375</v>
          </cell>
        </row>
        <row r="378">
          <cell r="G378">
            <v>376</v>
          </cell>
        </row>
        <row r="379">
          <cell r="G379">
            <v>377</v>
          </cell>
        </row>
        <row r="380">
          <cell r="G380">
            <v>378</v>
          </cell>
        </row>
        <row r="381">
          <cell r="G381">
            <v>379</v>
          </cell>
        </row>
        <row r="382">
          <cell r="G382">
            <v>380</v>
          </cell>
        </row>
        <row r="383">
          <cell r="G383">
            <v>381</v>
          </cell>
        </row>
        <row r="384">
          <cell r="G384">
            <v>382</v>
          </cell>
        </row>
        <row r="385">
          <cell r="G385">
            <v>383</v>
          </cell>
        </row>
        <row r="386">
          <cell r="G386">
            <v>384</v>
          </cell>
        </row>
        <row r="387">
          <cell r="G387">
            <v>385</v>
          </cell>
        </row>
        <row r="388">
          <cell r="G388">
            <v>386</v>
          </cell>
        </row>
        <row r="389">
          <cell r="G389">
            <v>387</v>
          </cell>
        </row>
        <row r="390">
          <cell r="G390">
            <v>388</v>
          </cell>
          <cell r="I390" t="str">
            <v>　</v>
          </cell>
        </row>
        <row r="391">
          <cell r="G391">
            <v>389</v>
          </cell>
        </row>
        <row r="392">
          <cell r="G392">
            <v>390</v>
          </cell>
        </row>
        <row r="393">
          <cell r="G393">
            <v>391</v>
          </cell>
        </row>
        <row r="394">
          <cell r="G394">
            <v>392</v>
          </cell>
        </row>
        <row r="395">
          <cell r="G395">
            <v>393</v>
          </cell>
        </row>
        <row r="396">
          <cell r="G396">
            <v>394</v>
          </cell>
        </row>
        <row r="397">
          <cell r="G397">
            <v>395</v>
          </cell>
        </row>
        <row r="398">
          <cell r="G398">
            <v>396</v>
          </cell>
        </row>
        <row r="399">
          <cell r="G399">
            <v>397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820F82-E679-4DC0-B006-A07C3A2B1BA3}">
  <sheetPr codeName="Sheet8">
    <tabColor rgb="FF0000FF"/>
  </sheetPr>
  <dimension ref="A1:J493"/>
  <sheetViews>
    <sheetView tabSelected="1" view="pageBreakPreview" zoomScale="80" zoomScaleNormal="100" zoomScaleSheetLayoutView="80" workbookViewId="0">
      <selection activeCell="R66" sqref="R66"/>
    </sheetView>
  </sheetViews>
  <sheetFormatPr defaultColWidth="10.59765625" defaultRowHeight="16.2" x14ac:dyDescent="0.2"/>
  <cols>
    <col min="1" max="1" width="3.69921875" style="1" customWidth="1"/>
    <col min="2" max="2" width="29" style="77" customWidth="1"/>
    <col min="3" max="3" width="13.09765625" style="75" customWidth="1"/>
    <col min="4" max="4" width="54.3984375" style="1" customWidth="1"/>
    <col min="5" max="5" width="24" style="78" customWidth="1"/>
    <col min="6" max="6" width="13.59765625" style="1" hidden="1" customWidth="1"/>
    <col min="7" max="16384" width="10.59765625" style="1"/>
  </cols>
  <sheetData>
    <row r="1" spans="1:10" ht="23.4" customHeight="1" x14ac:dyDescent="0.2">
      <c r="A1" s="81" t="s">
        <v>0</v>
      </c>
      <c r="B1" s="81"/>
      <c r="C1" s="81"/>
      <c r="D1" s="81"/>
      <c r="E1" s="81"/>
      <c r="G1" s="82"/>
      <c r="H1" s="82"/>
    </row>
    <row r="2" spans="1:10" ht="43.5" customHeight="1" x14ac:dyDescent="0.25">
      <c r="A2" s="3" t="s">
        <v>1</v>
      </c>
      <c r="B2" s="4"/>
      <c r="C2" s="5"/>
      <c r="D2" s="2"/>
      <c r="E2" s="6" t="s">
        <v>2</v>
      </c>
      <c r="G2" s="82"/>
      <c r="H2" s="82"/>
    </row>
    <row r="3" spans="1:10" ht="22.5" customHeight="1" x14ac:dyDescent="0.2">
      <c r="A3" s="83" t="s">
        <v>3</v>
      </c>
      <c r="B3" s="83"/>
      <c r="C3" s="84" t="s">
        <v>4</v>
      </c>
      <c r="D3" s="85"/>
      <c r="E3" s="7" t="s">
        <v>5</v>
      </c>
      <c r="G3" s="8"/>
      <c r="H3" s="8"/>
      <c r="I3" s="8"/>
      <c r="J3" s="8"/>
    </row>
    <row r="4" spans="1:10" ht="22.5" customHeight="1" x14ac:dyDescent="0.25">
      <c r="A4" s="9" t="s">
        <v>6</v>
      </c>
      <c r="B4" s="10"/>
      <c r="C4" s="11"/>
      <c r="D4" s="12"/>
      <c r="E4" s="13"/>
    </row>
    <row r="5" spans="1:10" ht="22.5" customHeight="1" x14ac:dyDescent="0.25">
      <c r="A5" s="14" t="s">
        <v>7</v>
      </c>
      <c r="B5" s="15" t="s">
        <v>8</v>
      </c>
      <c r="C5" s="16" t="s">
        <v>9</v>
      </c>
      <c r="D5" s="15" t="s">
        <v>10</v>
      </c>
      <c r="E5" s="17" t="s">
        <v>11</v>
      </c>
      <c r="F5" s="18"/>
    </row>
    <row r="6" spans="1:10" ht="22.5" customHeight="1" x14ac:dyDescent="0.25">
      <c r="A6" s="14"/>
      <c r="B6" s="15" t="s">
        <v>12</v>
      </c>
      <c r="C6" s="16" t="s">
        <v>9</v>
      </c>
      <c r="D6" s="19" t="s">
        <v>13</v>
      </c>
      <c r="E6" s="17" t="s">
        <v>14</v>
      </c>
      <c r="F6" s="18"/>
    </row>
    <row r="7" spans="1:10" ht="22.5" customHeight="1" x14ac:dyDescent="0.25">
      <c r="A7" s="14"/>
      <c r="B7" s="15" t="s">
        <v>15</v>
      </c>
      <c r="C7" s="16" t="s">
        <v>9</v>
      </c>
      <c r="D7" s="15" t="s">
        <v>16</v>
      </c>
      <c r="E7" s="17" t="s">
        <v>17</v>
      </c>
      <c r="F7" s="18"/>
    </row>
    <row r="8" spans="1:10" ht="22.5" customHeight="1" x14ac:dyDescent="0.25">
      <c r="A8" s="14"/>
      <c r="B8" s="19" t="s">
        <v>18</v>
      </c>
      <c r="C8" s="20" t="s">
        <v>9</v>
      </c>
      <c r="D8" s="19" t="s">
        <v>19</v>
      </c>
      <c r="E8" s="17" t="s">
        <v>20</v>
      </c>
      <c r="F8" s="18"/>
    </row>
    <row r="9" spans="1:10" ht="22.5" customHeight="1" x14ac:dyDescent="0.25">
      <c r="A9" s="14"/>
      <c r="B9" s="19" t="s">
        <v>21</v>
      </c>
      <c r="C9" s="16" t="s">
        <v>9</v>
      </c>
      <c r="D9" s="19" t="s">
        <v>22</v>
      </c>
      <c r="E9" s="17" t="s">
        <v>23</v>
      </c>
      <c r="F9" s="18"/>
    </row>
    <row r="10" spans="1:10" ht="22.5" customHeight="1" x14ac:dyDescent="0.25">
      <c r="A10" s="14"/>
      <c r="B10" s="19" t="s">
        <v>24</v>
      </c>
      <c r="C10" s="16" t="s">
        <v>9</v>
      </c>
      <c r="D10" s="15" t="s">
        <v>25</v>
      </c>
      <c r="E10" s="17" t="s">
        <v>26</v>
      </c>
      <c r="F10" s="18"/>
    </row>
    <row r="11" spans="1:10" ht="22.5" customHeight="1" x14ac:dyDescent="0.25">
      <c r="A11" s="14" t="s">
        <v>27</v>
      </c>
      <c r="B11" s="15" t="s">
        <v>28</v>
      </c>
      <c r="C11" s="16" t="s">
        <v>9</v>
      </c>
      <c r="D11" s="21" t="s">
        <v>29</v>
      </c>
      <c r="E11" s="17" t="s">
        <v>30</v>
      </c>
      <c r="F11" s="18"/>
    </row>
    <row r="12" spans="1:10" ht="22.5" customHeight="1" x14ac:dyDescent="0.25">
      <c r="A12" s="14" t="s">
        <v>7</v>
      </c>
      <c r="B12" s="15" t="s">
        <v>31</v>
      </c>
      <c r="C12" s="16" t="s">
        <v>9</v>
      </c>
      <c r="D12" s="21" t="s">
        <v>32</v>
      </c>
      <c r="E12" s="17" t="s">
        <v>33</v>
      </c>
      <c r="F12" s="18"/>
    </row>
    <row r="13" spans="1:10" ht="22.5" customHeight="1" x14ac:dyDescent="0.25">
      <c r="A13" s="22" t="s">
        <v>34</v>
      </c>
      <c r="B13" s="23" t="s">
        <v>35</v>
      </c>
      <c r="C13" s="16" t="s">
        <v>9</v>
      </c>
      <c r="D13" s="15" t="s">
        <v>36</v>
      </c>
      <c r="E13" s="17" t="s">
        <v>37</v>
      </c>
      <c r="F13" s="18"/>
    </row>
    <row r="14" spans="1:10" ht="22.5" customHeight="1" x14ac:dyDescent="0.25">
      <c r="A14" s="14" t="s">
        <v>27</v>
      </c>
      <c r="B14" s="15" t="s">
        <v>38</v>
      </c>
      <c r="C14" s="16" t="s">
        <v>9</v>
      </c>
      <c r="D14" s="15" t="s">
        <v>39</v>
      </c>
      <c r="E14" s="17" t="s">
        <v>40</v>
      </c>
      <c r="F14" s="18"/>
    </row>
    <row r="15" spans="1:10" ht="22.5" customHeight="1" x14ac:dyDescent="0.25">
      <c r="A15" s="14" t="s">
        <v>41</v>
      </c>
      <c r="B15" s="19" t="s">
        <v>42</v>
      </c>
      <c r="C15" s="16" t="s">
        <v>43</v>
      </c>
      <c r="D15" s="15" t="s">
        <v>44</v>
      </c>
      <c r="E15" s="17" t="s">
        <v>45</v>
      </c>
      <c r="F15" s="18"/>
    </row>
    <row r="16" spans="1:10" ht="22.5" customHeight="1" x14ac:dyDescent="0.25">
      <c r="A16" s="14"/>
      <c r="B16" s="19" t="s">
        <v>46</v>
      </c>
      <c r="C16" s="16" t="s">
        <v>9</v>
      </c>
      <c r="D16" s="19" t="s">
        <v>47</v>
      </c>
      <c r="E16" s="24" t="s">
        <v>48</v>
      </c>
      <c r="F16" s="18"/>
    </row>
    <row r="17" spans="1:6" ht="22.5" customHeight="1" x14ac:dyDescent="0.25">
      <c r="A17" s="14" t="s">
        <v>34</v>
      </c>
      <c r="B17" s="25" t="s">
        <v>49</v>
      </c>
      <c r="C17" s="26" t="s">
        <v>43</v>
      </c>
      <c r="D17" s="27" t="s">
        <v>50</v>
      </c>
      <c r="E17" s="28" t="s">
        <v>51</v>
      </c>
      <c r="F17" s="18"/>
    </row>
    <row r="18" spans="1:6" ht="22.5" customHeight="1" x14ac:dyDescent="0.25">
      <c r="A18" s="14"/>
      <c r="B18" s="19" t="s">
        <v>52</v>
      </c>
      <c r="C18" s="16" t="s">
        <v>9</v>
      </c>
      <c r="D18" s="19" t="s">
        <v>53</v>
      </c>
      <c r="E18" s="17" t="s">
        <v>54</v>
      </c>
      <c r="F18" s="18"/>
    </row>
    <row r="19" spans="1:6" ht="22.5" customHeight="1" x14ac:dyDescent="0.25">
      <c r="A19" s="29" t="s">
        <v>55</v>
      </c>
      <c r="B19" s="30"/>
      <c r="C19" s="31"/>
      <c r="D19" s="32"/>
      <c r="E19" s="33"/>
      <c r="F19" s="18"/>
    </row>
    <row r="20" spans="1:6" ht="22.5" customHeight="1" x14ac:dyDescent="0.25">
      <c r="A20" s="34"/>
      <c r="B20" s="15" t="s">
        <v>56</v>
      </c>
      <c r="C20" s="20" t="s">
        <v>9</v>
      </c>
      <c r="D20" s="15" t="s">
        <v>57</v>
      </c>
      <c r="E20" s="17" t="s">
        <v>58</v>
      </c>
      <c r="F20" s="18"/>
    </row>
    <row r="21" spans="1:6" ht="22.5" customHeight="1" x14ac:dyDescent="0.25">
      <c r="A21" s="34"/>
      <c r="B21" s="19" t="s">
        <v>59</v>
      </c>
      <c r="C21" s="16" t="s">
        <v>9</v>
      </c>
      <c r="D21" s="19" t="s">
        <v>60</v>
      </c>
      <c r="E21" s="17" t="s">
        <v>61</v>
      </c>
      <c r="F21" s="18"/>
    </row>
    <row r="22" spans="1:6" ht="22.5" customHeight="1" x14ac:dyDescent="0.25">
      <c r="A22" s="34"/>
      <c r="B22" s="19" t="s">
        <v>62</v>
      </c>
      <c r="C22" s="16" t="s">
        <v>9</v>
      </c>
      <c r="D22" s="15" t="s">
        <v>63</v>
      </c>
      <c r="E22" s="17" t="s">
        <v>64</v>
      </c>
      <c r="F22" s="18"/>
    </row>
    <row r="23" spans="1:6" ht="22.5" customHeight="1" x14ac:dyDescent="0.25">
      <c r="A23" s="29" t="s">
        <v>65</v>
      </c>
      <c r="B23" s="30"/>
      <c r="C23" s="31"/>
      <c r="D23" s="32"/>
      <c r="E23" s="33"/>
      <c r="F23" s="18"/>
    </row>
    <row r="24" spans="1:6" ht="22.5" customHeight="1" x14ac:dyDescent="0.25">
      <c r="A24" s="34"/>
      <c r="B24" s="19" t="s">
        <v>66</v>
      </c>
      <c r="C24" s="16" t="s">
        <v>9</v>
      </c>
      <c r="D24" s="27" t="s">
        <v>67</v>
      </c>
      <c r="E24" s="28" t="s">
        <v>68</v>
      </c>
      <c r="F24" s="18"/>
    </row>
    <row r="25" spans="1:6" ht="22.5" customHeight="1" x14ac:dyDescent="0.25">
      <c r="A25" s="34"/>
      <c r="B25" s="19" t="s">
        <v>69</v>
      </c>
      <c r="C25" s="20" t="s">
        <v>9</v>
      </c>
      <c r="D25" s="19" t="s">
        <v>70</v>
      </c>
      <c r="E25" s="17" t="s">
        <v>71</v>
      </c>
      <c r="F25" s="18"/>
    </row>
    <row r="26" spans="1:6" ht="22.5" customHeight="1" x14ac:dyDescent="0.25">
      <c r="A26" s="34"/>
      <c r="B26" s="15" t="s">
        <v>72</v>
      </c>
      <c r="C26" s="16" t="s">
        <v>9</v>
      </c>
      <c r="D26" s="19" t="s">
        <v>73</v>
      </c>
      <c r="E26" s="17" t="s">
        <v>74</v>
      </c>
      <c r="F26" s="18"/>
    </row>
    <row r="27" spans="1:6" ht="22.5" customHeight="1" x14ac:dyDescent="0.25">
      <c r="A27" s="29" t="s">
        <v>75</v>
      </c>
      <c r="B27" s="30"/>
      <c r="C27" s="31"/>
      <c r="D27" s="32"/>
      <c r="E27" s="33"/>
      <c r="F27" s="18"/>
    </row>
    <row r="28" spans="1:6" ht="22.5" customHeight="1" x14ac:dyDescent="0.25">
      <c r="A28" s="14"/>
      <c r="B28" s="19" t="s">
        <v>76</v>
      </c>
      <c r="C28" s="16" t="s">
        <v>77</v>
      </c>
      <c r="D28" s="15" t="s">
        <v>78</v>
      </c>
      <c r="E28" s="35" t="s">
        <v>79</v>
      </c>
      <c r="F28" s="18"/>
    </row>
    <row r="29" spans="1:6" ht="22.5" customHeight="1" x14ac:dyDescent="0.25">
      <c r="A29" s="14" t="s">
        <v>27</v>
      </c>
      <c r="B29" s="19" t="s">
        <v>80</v>
      </c>
      <c r="C29" s="16" t="s">
        <v>9</v>
      </c>
      <c r="D29" s="19" t="s">
        <v>81</v>
      </c>
      <c r="E29" s="17" t="s">
        <v>82</v>
      </c>
      <c r="F29" s="18"/>
    </row>
    <row r="30" spans="1:6" ht="22.5" customHeight="1" x14ac:dyDescent="0.25">
      <c r="A30" s="14" t="s">
        <v>34</v>
      </c>
      <c r="B30" s="15" t="s">
        <v>83</v>
      </c>
      <c r="C30" s="16" t="s">
        <v>9</v>
      </c>
      <c r="D30" s="21" t="s">
        <v>84</v>
      </c>
      <c r="E30" s="17" t="s">
        <v>85</v>
      </c>
      <c r="F30" s="18"/>
    </row>
    <row r="31" spans="1:6" ht="22.5" customHeight="1" x14ac:dyDescent="0.25">
      <c r="A31" s="14"/>
      <c r="B31" s="15" t="s">
        <v>86</v>
      </c>
      <c r="C31" s="16" t="s">
        <v>9</v>
      </c>
      <c r="D31" s="19" t="s">
        <v>87</v>
      </c>
      <c r="E31" s="24" t="s">
        <v>88</v>
      </c>
      <c r="F31" s="18"/>
    </row>
    <row r="32" spans="1:6" ht="22.5" customHeight="1" x14ac:dyDescent="0.25">
      <c r="A32" s="14" t="s">
        <v>34</v>
      </c>
      <c r="B32" s="15" t="s">
        <v>89</v>
      </c>
      <c r="C32" s="16" t="s">
        <v>43</v>
      </c>
      <c r="D32" s="19" t="s">
        <v>90</v>
      </c>
      <c r="E32" s="24" t="s">
        <v>91</v>
      </c>
      <c r="F32" s="18"/>
    </row>
    <row r="33" spans="1:6" ht="22.5" customHeight="1" x14ac:dyDescent="0.25">
      <c r="A33" s="36" t="s">
        <v>27</v>
      </c>
      <c r="B33" s="19" t="s">
        <v>92</v>
      </c>
      <c r="C33" s="16" t="s">
        <v>9</v>
      </c>
      <c r="D33" s="19" t="s">
        <v>93</v>
      </c>
      <c r="E33" s="37" t="s">
        <v>94</v>
      </c>
      <c r="F33" s="18"/>
    </row>
    <row r="34" spans="1:6" ht="22.5" customHeight="1" x14ac:dyDescent="0.25">
      <c r="A34" s="29" t="s">
        <v>95</v>
      </c>
      <c r="B34" s="38"/>
      <c r="C34" s="39"/>
      <c r="D34" s="40"/>
      <c r="E34" s="41"/>
      <c r="F34" s="18"/>
    </row>
    <row r="35" spans="1:6" ht="22.5" customHeight="1" x14ac:dyDescent="0.25">
      <c r="A35" s="14" t="s">
        <v>7</v>
      </c>
      <c r="B35" s="15" t="s">
        <v>96</v>
      </c>
      <c r="C35" s="16" t="s">
        <v>9</v>
      </c>
      <c r="D35" s="15" t="s">
        <v>97</v>
      </c>
      <c r="E35" s="24" t="s">
        <v>98</v>
      </c>
      <c r="F35" s="18"/>
    </row>
    <row r="36" spans="1:6" ht="22.5" customHeight="1" x14ac:dyDescent="0.25">
      <c r="A36" s="14"/>
      <c r="B36" s="19" t="s">
        <v>99</v>
      </c>
      <c r="C36" s="16" t="s">
        <v>9</v>
      </c>
      <c r="D36" s="19" t="s">
        <v>100</v>
      </c>
      <c r="E36" s="17" t="s">
        <v>101</v>
      </c>
      <c r="F36" s="18"/>
    </row>
    <row r="37" spans="1:6" ht="22.5" customHeight="1" x14ac:dyDescent="0.25">
      <c r="A37" s="36" t="s">
        <v>27</v>
      </c>
      <c r="B37" s="19" t="s">
        <v>102</v>
      </c>
      <c r="C37" s="16" t="s">
        <v>9</v>
      </c>
      <c r="D37" s="19" t="s">
        <v>103</v>
      </c>
      <c r="E37" s="17" t="s">
        <v>104</v>
      </c>
      <c r="F37" s="18"/>
    </row>
    <row r="38" spans="1:6" ht="22.5" customHeight="1" x14ac:dyDescent="0.25">
      <c r="A38" s="14" t="s">
        <v>7</v>
      </c>
      <c r="B38" s="25" t="s">
        <v>105</v>
      </c>
      <c r="C38" s="26" t="s">
        <v>43</v>
      </c>
      <c r="D38" s="25" t="s">
        <v>106</v>
      </c>
      <c r="E38" s="28" t="s">
        <v>107</v>
      </c>
      <c r="F38" s="18"/>
    </row>
    <row r="39" spans="1:6" ht="22.5" customHeight="1" x14ac:dyDescent="0.25">
      <c r="A39" s="14"/>
      <c r="B39" s="25" t="s">
        <v>108</v>
      </c>
      <c r="C39" s="26" t="s">
        <v>43</v>
      </c>
      <c r="D39" s="25" t="s">
        <v>109</v>
      </c>
      <c r="E39" s="28" t="s">
        <v>110</v>
      </c>
      <c r="F39" s="18"/>
    </row>
    <row r="40" spans="1:6" ht="22.5" customHeight="1" x14ac:dyDescent="0.25">
      <c r="A40" s="14" t="s">
        <v>111</v>
      </c>
      <c r="B40" s="21" t="s">
        <v>112</v>
      </c>
      <c r="C40" s="16" t="s">
        <v>9</v>
      </c>
      <c r="D40" s="19" t="s">
        <v>113</v>
      </c>
      <c r="E40" s="17" t="s">
        <v>114</v>
      </c>
      <c r="F40" s="18"/>
    </row>
    <row r="41" spans="1:6" ht="22.5" customHeight="1" x14ac:dyDescent="0.25">
      <c r="A41" s="14"/>
      <c r="B41" s="21" t="s">
        <v>115</v>
      </c>
      <c r="C41" s="16" t="s">
        <v>9</v>
      </c>
      <c r="D41" s="19" t="s">
        <v>116</v>
      </c>
      <c r="E41" s="17" t="s">
        <v>117</v>
      </c>
      <c r="F41" s="18"/>
    </row>
    <row r="42" spans="1:6" ht="22.5" customHeight="1" x14ac:dyDescent="0.25">
      <c r="A42" s="14"/>
      <c r="B42" s="19" t="s">
        <v>118</v>
      </c>
      <c r="C42" s="16" t="s">
        <v>9</v>
      </c>
      <c r="D42" s="19" t="s">
        <v>119</v>
      </c>
      <c r="E42" s="24" t="s">
        <v>120</v>
      </c>
      <c r="F42" s="18"/>
    </row>
    <row r="43" spans="1:6" ht="22.5" customHeight="1" x14ac:dyDescent="0.25">
      <c r="A43" s="14"/>
      <c r="B43" s="15" t="s">
        <v>121</v>
      </c>
      <c r="C43" s="20" t="s">
        <v>9</v>
      </c>
      <c r="D43" s="21" t="s">
        <v>122</v>
      </c>
      <c r="E43" s="17" t="s">
        <v>123</v>
      </c>
      <c r="F43" s="18"/>
    </row>
    <row r="44" spans="1:6" ht="22.5" customHeight="1" x14ac:dyDescent="0.25">
      <c r="A44" s="29" t="s">
        <v>124</v>
      </c>
      <c r="B44" s="38"/>
      <c r="C44" s="39"/>
      <c r="D44" s="40"/>
      <c r="E44" s="41"/>
      <c r="F44" s="18"/>
    </row>
    <row r="45" spans="1:6" ht="22.5" customHeight="1" x14ac:dyDescent="0.25">
      <c r="A45" s="34"/>
      <c r="B45" s="15" t="s">
        <v>125</v>
      </c>
      <c r="C45" s="16" t="s">
        <v>9</v>
      </c>
      <c r="D45" s="19" t="s">
        <v>126</v>
      </c>
      <c r="E45" s="17" t="s">
        <v>127</v>
      </c>
      <c r="F45" s="18"/>
    </row>
    <row r="46" spans="1:6" ht="22.5" customHeight="1" x14ac:dyDescent="0.25">
      <c r="A46" s="34"/>
      <c r="B46" s="19" t="s">
        <v>128</v>
      </c>
      <c r="C46" s="16" t="s">
        <v>9</v>
      </c>
      <c r="D46" s="19" t="s">
        <v>129</v>
      </c>
      <c r="E46" s="17" t="s">
        <v>130</v>
      </c>
      <c r="F46" s="18"/>
    </row>
    <row r="47" spans="1:6" ht="22.5" customHeight="1" x14ac:dyDescent="0.25">
      <c r="A47" s="34"/>
      <c r="B47" s="19" t="s">
        <v>131</v>
      </c>
      <c r="C47" s="20" t="s">
        <v>9</v>
      </c>
      <c r="D47" s="19" t="s">
        <v>132</v>
      </c>
      <c r="E47" s="17" t="s">
        <v>133</v>
      </c>
      <c r="F47" s="18"/>
    </row>
    <row r="48" spans="1:6" ht="22.5" customHeight="1" x14ac:dyDescent="0.25">
      <c r="A48" s="29" t="s">
        <v>134</v>
      </c>
      <c r="B48" s="38"/>
      <c r="C48" s="39"/>
      <c r="D48" s="40"/>
      <c r="E48" s="41"/>
      <c r="F48" s="18"/>
    </row>
    <row r="49" spans="1:6" ht="22.5" customHeight="1" x14ac:dyDescent="0.25">
      <c r="A49" s="14" t="s">
        <v>27</v>
      </c>
      <c r="B49" s="15" t="s">
        <v>135</v>
      </c>
      <c r="C49" s="16" t="s">
        <v>9</v>
      </c>
      <c r="D49" s="15" t="s">
        <v>136</v>
      </c>
      <c r="E49" s="24" t="s">
        <v>137</v>
      </c>
      <c r="F49" s="18"/>
    </row>
    <row r="50" spans="1:6" ht="22.5" customHeight="1" x14ac:dyDescent="0.25">
      <c r="A50" s="14"/>
      <c r="B50" s="21" t="s">
        <v>138</v>
      </c>
      <c r="C50" s="16" t="s">
        <v>43</v>
      </c>
      <c r="D50" s="21" t="s">
        <v>139</v>
      </c>
      <c r="E50" s="24" t="s">
        <v>140</v>
      </c>
      <c r="F50" s="18"/>
    </row>
    <row r="51" spans="1:6" ht="22.5" customHeight="1" x14ac:dyDescent="0.25">
      <c r="A51" s="14"/>
      <c r="B51" s="19" t="s">
        <v>141</v>
      </c>
      <c r="C51" s="16" t="s">
        <v>9</v>
      </c>
      <c r="D51" s="19" t="s">
        <v>142</v>
      </c>
      <c r="E51" s="17" t="s">
        <v>143</v>
      </c>
      <c r="F51" s="18"/>
    </row>
    <row r="52" spans="1:6" ht="22.5" customHeight="1" x14ac:dyDescent="0.25">
      <c r="A52" s="14" t="s">
        <v>27</v>
      </c>
      <c r="B52" s="19" t="s">
        <v>144</v>
      </c>
      <c r="C52" s="16" t="s">
        <v>9</v>
      </c>
      <c r="D52" s="19" t="s">
        <v>145</v>
      </c>
      <c r="E52" s="42" t="s">
        <v>146</v>
      </c>
      <c r="F52" s="18"/>
    </row>
    <row r="53" spans="1:6" ht="22.5" customHeight="1" x14ac:dyDescent="0.25">
      <c r="A53" s="14" t="s">
        <v>7</v>
      </c>
      <c r="B53" s="15" t="s">
        <v>147</v>
      </c>
      <c r="C53" s="16" t="s">
        <v>9</v>
      </c>
      <c r="D53" s="21" t="s">
        <v>148</v>
      </c>
      <c r="E53" s="17" t="s">
        <v>149</v>
      </c>
    </row>
    <row r="54" spans="1:6" ht="22.5" customHeight="1" x14ac:dyDescent="0.25">
      <c r="A54" s="29" t="s">
        <v>150</v>
      </c>
      <c r="B54" s="38"/>
      <c r="C54" s="39"/>
      <c r="D54" s="40"/>
      <c r="E54" s="41"/>
      <c r="F54" s="18"/>
    </row>
    <row r="55" spans="1:6" ht="22.5" customHeight="1" x14ac:dyDescent="0.25">
      <c r="A55" s="34"/>
      <c r="B55" s="19" t="s">
        <v>151</v>
      </c>
      <c r="C55" s="16" t="s">
        <v>9</v>
      </c>
      <c r="D55" s="19" t="s">
        <v>152</v>
      </c>
      <c r="E55" s="24" t="s">
        <v>153</v>
      </c>
      <c r="F55" s="18"/>
    </row>
    <row r="56" spans="1:6" ht="22.5" customHeight="1" x14ac:dyDescent="0.25">
      <c r="A56" s="34"/>
      <c r="B56" s="19" t="s">
        <v>154</v>
      </c>
      <c r="C56" s="16" t="s">
        <v>9</v>
      </c>
      <c r="D56" s="19" t="s">
        <v>155</v>
      </c>
      <c r="E56" s="24" t="s">
        <v>156</v>
      </c>
    </row>
    <row r="57" spans="1:6" ht="22.5" customHeight="1" x14ac:dyDescent="0.25">
      <c r="A57" s="29" t="s">
        <v>157</v>
      </c>
      <c r="B57" s="38"/>
      <c r="C57" s="39"/>
      <c r="D57" s="40"/>
      <c r="E57" s="41"/>
      <c r="F57" s="18"/>
    </row>
    <row r="58" spans="1:6" ht="22.5" customHeight="1" x14ac:dyDescent="0.25">
      <c r="A58" s="14" t="s">
        <v>27</v>
      </c>
      <c r="B58" s="15" t="s">
        <v>158</v>
      </c>
      <c r="C58" s="16" t="s">
        <v>9</v>
      </c>
      <c r="D58" s="19" t="s">
        <v>159</v>
      </c>
      <c r="E58" s="24" t="s">
        <v>160</v>
      </c>
      <c r="F58" s="18"/>
    </row>
    <row r="59" spans="1:6" ht="22.5" customHeight="1" x14ac:dyDescent="0.25">
      <c r="A59" s="14" t="s">
        <v>27</v>
      </c>
      <c r="B59" s="15" t="s">
        <v>161</v>
      </c>
      <c r="C59" s="16" t="s">
        <v>9</v>
      </c>
      <c r="D59" s="23" t="s">
        <v>162</v>
      </c>
      <c r="E59" s="17" t="s">
        <v>163</v>
      </c>
      <c r="F59" s="18"/>
    </row>
    <row r="60" spans="1:6" ht="22.5" customHeight="1" x14ac:dyDescent="0.25">
      <c r="A60" s="14"/>
      <c r="B60" s="19" t="s">
        <v>164</v>
      </c>
      <c r="C60" s="16" t="s">
        <v>9</v>
      </c>
      <c r="D60" s="19" t="s">
        <v>165</v>
      </c>
      <c r="E60" s="17" t="s">
        <v>166</v>
      </c>
      <c r="F60" s="18"/>
    </row>
    <row r="61" spans="1:6" ht="22.5" customHeight="1" x14ac:dyDescent="0.25">
      <c r="A61" s="14"/>
      <c r="B61" s="19" t="s">
        <v>167</v>
      </c>
      <c r="C61" s="16" t="s">
        <v>9</v>
      </c>
      <c r="D61" s="43" t="s">
        <v>168</v>
      </c>
      <c r="E61" s="17" t="s">
        <v>169</v>
      </c>
      <c r="F61" s="18"/>
    </row>
    <row r="62" spans="1:6" ht="22.5" customHeight="1" x14ac:dyDescent="0.25">
      <c r="A62" s="14"/>
      <c r="B62" s="15" t="s">
        <v>170</v>
      </c>
      <c r="C62" s="16" t="s">
        <v>9</v>
      </c>
      <c r="D62" s="21" t="s">
        <v>171</v>
      </c>
      <c r="E62" s="17" t="s">
        <v>172</v>
      </c>
      <c r="F62" s="18"/>
    </row>
    <row r="63" spans="1:6" ht="22.5" customHeight="1" x14ac:dyDescent="0.25">
      <c r="A63" s="14" t="s">
        <v>34</v>
      </c>
      <c r="B63" s="19" t="s">
        <v>173</v>
      </c>
      <c r="C63" s="16" t="s">
        <v>43</v>
      </c>
      <c r="D63" s="19" t="s">
        <v>174</v>
      </c>
      <c r="E63" s="17" t="s">
        <v>175</v>
      </c>
      <c r="F63" s="18"/>
    </row>
    <row r="64" spans="1:6" ht="22.5" customHeight="1" x14ac:dyDescent="0.25">
      <c r="A64" s="14"/>
      <c r="B64" s="19" t="s">
        <v>176</v>
      </c>
      <c r="C64" s="16" t="s">
        <v>9</v>
      </c>
      <c r="D64" s="19" t="s">
        <v>177</v>
      </c>
      <c r="E64" s="17" t="s">
        <v>178</v>
      </c>
      <c r="F64" s="18"/>
    </row>
    <row r="65" spans="1:6" ht="22.5" customHeight="1" x14ac:dyDescent="0.25">
      <c r="A65" s="34"/>
      <c r="B65" s="19" t="s">
        <v>179</v>
      </c>
      <c r="C65" s="16" t="s">
        <v>9</v>
      </c>
      <c r="D65" s="19" t="s">
        <v>180</v>
      </c>
      <c r="E65" s="17" t="s">
        <v>181</v>
      </c>
      <c r="F65" s="18"/>
    </row>
    <row r="66" spans="1:6" ht="22.5" customHeight="1" x14ac:dyDescent="0.25">
      <c r="A66" s="29" t="s">
        <v>182</v>
      </c>
      <c r="B66" s="38"/>
      <c r="C66" s="39"/>
      <c r="D66" s="40"/>
      <c r="E66" s="41"/>
      <c r="F66" s="18"/>
    </row>
    <row r="67" spans="1:6" ht="22.5" customHeight="1" x14ac:dyDescent="0.25">
      <c r="A67" s="34"/>
      <c r="B67" s="19" t="s">
        <v>183</v>
      </c>
      <c r="C67" s="16" t="s">
        <v>184</v>
      </c>
      <c r="D67" s="19" t="s">
        <v>185</v>
      </c>
      <c r="E67" s="17" t="s">
        <v>186</v>
      </c>
    </row>
    <row r="68" spans="1:6" ht="22.5" customHeight="1" x14ac:dyDescent="0.25">
      <c r="A68" s="44"/>
      <c r="B68" s="25" t="s">
        <v>187</v>
      </c>
      <c r="C68" s="16" t="s">
        <v>184</v>
      </c>
      <c r="D68" s="25" t="s">
        <v>188</v>
      </c>
      <c r="E68" s="28" t="s">
        <v>189</v>
      </c>
    </row>
    <row r="69" spans="1:6" ht="22.5" customHeight="1" x14ac:dyDescent="0.25">
      <c r="A69" s="29" t="s">
        <v>579</v>
      </c>
      <c r="B69" s="38"/>
      <c r="C69" s="39"/>
      <c r="D69" s="40"/>
      <c r="E69" s="41"/>
      <c r="F69" s="18"/>
    </row>
    <row r="70" spans="1:6" ht="22.5" customHeight="1" x14ac:dyDescent="0.25">
      <c r="A70" s="34" t="s">
        <v>34</v>
      </c>
      <c r="B70" s="19" t="s">
        <v>580</v>
      </c>
      <c r="C70" s="16" t="s">
        <v>581</v>
      </c>
      <c r="D70" s="19" t="s">
        <v>582</v>
      </c>
      <c r="E70" s="17" t="s">
        <v>583</v>
      </c>
    </row>
    <row r="71" spans="1:6" ht="22.5" customHeight="1" x14ac:dyDescent="0.25">
      <c r="A71" s="29" t="s">
        <v>190</v>
      </c>
      <c r="B71" s="38"/>
      <c r="C71" s="39"/>
      <c r="D71" s="40"/>
      <c r="E71" s="41"/>
    </row>
    <row r="72" spans="1:6" ht="22.5" customHeight="1" x14ac:dyDescent="0.25">
      <c r="A72" s="14"/>
      <c r="B72" s="21" t="s">
        <v>191</v>
      </c>
      <c r="C72" s="20" t="s">
        <v>190</v>
      </c>
      <c r="D72" s="45" t="s">
        <v>192</v>
      </c>
      <c r="E72" s="46" t="s">
        <v>585</v>
      </c>
    </row>
    <row r="73" spans="1:6" ht="22.5" customHeight="1" x14ac:dyDescent="0.25">
      <c r="A73" s="14" t="s">
        <v>27</v>
      </c>
      <c r="B73" s="47" t="s">
        <v>193</v>
      </c>
      <c r="C73" s="20" t="s">
        <v>194</v>
      </c>
      <c r="D73" s="16" t="s">
        <v>195</v>
      </c>
      <c r="E73" s="24" t="s">
        <v>196</v>
      </c>
    </row>
    <row r="74" spans="1:6" ht="22.5" customHeight="1" x14ac:dyDescent="0.25">
      <c r="A74" s="29" t="s">
        <v>197</v>
      </c>
      <c r="B74" s="38"/>
      <c r="C74" s="39"/>
      <c r="D74" s="40"/>
      <c r="E74" s="41"/>
      <c r="F74" s="18"/>
    </row>
    <row r="75" spans="1:6" ht="22.5" customHeight="1" x14ac:dyDescent="0.25">
      <c r="A75" s="14" t="s">
        <v>27</v>
      </c>
      <c r="B75" s="19" t="s">
        <v>198</v>
      </c>
      <c r="C75" s="20" t="s">
        <v>199</v>
      </c>
      <c r="D75" s="19" t="s">
        <v>200</v>
      </c>
      <c r="E75" s="17" t="s">
        <v>201</v>
      </c>
    </row>
    <row r="76" spans="1:6" ht="22.5" customHeight="1" x14ac:dyDescent="0.25">
      <c r="A76" s="29" t="s">
        <v>202</v>
      </c>
      <c r="B76" s="38"/>
      <c r="C76" s="39"/>
      <c r="D76" s="40"/>
      <c r="E76" s="41"/>
    </row>
    <row r="77" spans="1:6" ht="22.5" customHeight="1" x14ac:dyDescent="0.25">
      <c r="A77" s="34"/>
      <c r="B77" s="19" t="s">
        <v>203</v>
      </c>
      <c r="C77" s="16" t="s">
        <v>204</v>
      </c>
      <c r="D77" s="19" t="s">
        <v>205</v>
      </c>
      <c r="E77" s="17" t="s">
        <v>206</v>
      </c>
      <c r="F77" s="18"/>
    </row>
    <row r="78" spans="1:6" ht="22.5" customHeight="1" x14ac:dyDescent="0.25">
      <c r="A78" s="34"/>
      <c r="B78" s="48" t="s">
        <v>207</v>
      </c>
      <c r="C78" s="20" t="s">
        <v>204</v>
      </c>
      <c r="D78" s="49" t="s">
        <v>208</v>
      </c>
      <c r="E78" s="37" t="s">
        <v>209</v>
      </c>
      <c r="F78" s="18"/>
    </row>
    <row r="79" spans="1:6" ht="22.5" customHeight="1" x14ac:dyDescent="0.25">
      <c r="A79" s="29" t="s">
        <v>210</v>
      </c>
      <c r="B79" s="38"/>
      <c r="C79" s="39"/>
      <c r="D79" s="40"/>
      <c r="E79" s="41"/>
      <c r="F79" s="18"/>
    </row>
    <row r="80" spans="1:6" ht="22.5" customHeight="1" x14ac:dyDescent="0.25">
      <c r="A80" s="14" t="s">
        <v>7</v>
      </c>
      <c r="B80" s="19" t="s">
        <v>211</v>
      </c>
      <c r="C80" s="20" t="s">
        <v>212</v>
      </c>
      <c r="D80" s="15" t="s">
        <v>213</v>
      </c>
      <c r="E80" s="17" t="s">
        <v>214</v>
      </c>
      <c r="F80" s="18"/>
    </row>
    <row r="81" spans="1:6" ht="22.5" customHeight="1" x14ac:dyDescent="0.25">
      <c r="A81" s="14"/>
      <c r="B81" s="15" t="s">
        <v>215</v>
      </c>
      <c r="C81" s="20" t="s">
        <v>212</v>
      </c>
      <c r="D81" s="19" t="s">
        <v>216</v>
      </c>
      <c r="E81" s="17" t="s">
        <v>217</v>
      </c>
      <c r="F81" s="18"/>
    </row>
    <row r="82" spans="1:6" ht="22.5" customHeight="1" x14ac:dyDescent="0.25">
      <c r="A82" s="14"/>
      <c r="B82" s="15" t="s">
        <v>218</v>
      </c>
      <c r="C82" s="20" t="s">
        <v>212</v>
      </c>
      <c r="D82" s="19" t="s">
        <v>219</v>
      </c>
      <c r="E82" s="24" t="s">
        <v>220</v>
      </c>
      <c r="F82" s="18"/>
    </row>
    <row r="83" spans="1:6" ht="22.5" customHeight="1" x14ac:dyDescent="0.25">
      <c r="A83" s="14"/>
      <c r="B83" s="15" t="s">
        <v>221</v>
      </c>
      <c r="C83" s="20" t="s">
        <v>212</v>
      </c>
      <c r="D83" s="19" t="s">
        <v>222</v>
      </c>
      <c r="E83" s="24" t="s">
        <v>223</v>
      </c>
      <c r="F83" s="18"/>
    </row>
    <row r="84" spans="1:6" ht="22.5" customHeight="1" x14ac:dyDescent="0.25">
      <c r="A84" s="36" t="s">
        <v>7</v>
      </c>
      <c r="B84" s="21" t="s">
        <v>224</v>
      </c>
      <c r="C84" s="20" t="s">
        <v>225</v>
      </c>
      <c r="D84" s="21" t="s">
        <v>226</v>
      </c>
      <c r="E84" s="28" t="s">
        <v>227</v>
      </c>
    </row>
    <row r="85" spans="1:6" ht="22.5" customHeight="1" x14ac:dyDescent="0.25">
      <c r="A85" s="36" t="s">
        <v>7</v>
      </c>
      <c r="B85" s="21" t="s">
        <v>228</v>
      </c>
      <c r="C85" s="20" t="s">
        <v>212</v>
      </c>
      <c r="D85" s="21" t="s">
        <v>229</v>
      </c>
      <c r="E85" s="50" t="s">
        <v>230</v>
      </c>
      <c r="F85" s="18"/>
    </row>
    <row r="86" spans="1:6" ht="22.5" customHeight="1" x14ac:dyDescent="0.25">
      <c r="A86" s="36" t="s">
        <v>7</v>
      </c>
      <c r="B86" s="19" t="s">
        <v>231</v>
      </c>
      <c r="C86" s="20" t="s">
        <v>212</v>
      </c>
      <c r="D86" s="19" t="s">
        <v>232</v>
      </c>
      <c r="E86" s="24" t="s">
        <v>233</v>
      </c>
      <c r="F86" s="18"/>
    </row>
    <row r="87" spans="1:6" ht="22.5" customHeight="1" x14ac:dyDescent="0.25">
      <c r="A87" s="14"/>
      <c r="B87" s="21" t="s">
        <v>234</v>
      </c>
      <c r="C87" s="20" t="s">
        <v>225</v>
      </c>
      <c r="D87" s="21" t="s">
        <v>235</v>
      </c>
      <c r="E87" s="28" t="s">
        <v>236</v>
      </c>
    </row>
    <row r="88" spans="1:6" ht="22.5" customHeight="1" x14ac:dyDescent="0.25">
      <c r="A88" s="29" t="s">
        <v>237</v>
      </c>
      <c r="B88" s="38"/>
      <c r="C88" s="39"/>
      <c r="D88" s="40"/>
      <c r="E88" s="41"/>
    </row>
    <row r="89" spans="1:6" ht="22.5" customHeight="1" x14ac:dyDescent="0.25">
      <c r="A89" s="51" t="s">
        <v>34</v>
      </c>
      <c r="B89" s="52" t="s">
        <v>238</v>
      </c>
      <c r="C89" s="16" t="s">
        <v>237</v>
      </c>
      <c r="D89" s="52" t="s">
        <v>239</v>
      </c>
      <c r="E89" s="46" t="s">
        <v>240</v>
      </c>
      <c r="F89" s="18"/>
    </row>
    <row r="90" spans="1:6" ht="22.5" customHeight="1" x14ac:dyDescent="0.25">
      <c r="A90" s="14" t="s">
        <v>34</v>
      </c>
      <c r="B90" s="19" t="s">
        <v>241</v>
      </c>
      <c r="C90" s="20" t="s">
        <v>237</v>
      </c>
      <c r="D90" s="19" t="s">
        <v>242</v>
      </c>
      <c r="E90" s="24" t="s">
        <v>243</v>
      </c>
      <c r="F90" s="18"/>
    </row>
    <row r="91" spans="1:6" ht="22.5" customHeight="1" x14ac:dyDescent="0.25">
      <c r="A91" s="14" t="s">
        <v>34</v>
      </c>
      <c r="B91" s="15" t="s">
        <v>244</v>
      </c>
      <c r="C91" s="20" t="s">
        <v>245</v>
      </c>
      <c r="D91" s="15" t="s">
        <v>246</v>
      </c>
      <c r="E91" s="17" t="s">
        <v>247</v>
      </c>
      <c r="F91" s="18"/>
    </row>
    <row r="92" spans="1:6" ht="22.5" customHeight="1" x14ac:dyDescent="0.25">
      <c r="A92" s="14" t="s">
        <v>34</v>
      </c>
      <c r="B92" s="19" t="s">
        <v>248</v>
      </c>
      <c r="C92" s="20" t="s">
        <v>237</v>
      </c>
      <c r="D92" s="19" t="s">
        <v>249</v>
      </c>
      <c r="E92" s="24" t="s">
        <v>250</v>
      </c>
      <c r="F92" s="18"/>
    </row>
    <row r="93" spans="1:6" ht="22.5" customHeight="1" x14ac:dyDescent="0.25">
      <c r="A93" s="14"/>
      <c r="B93" s="19" t="s">
        <v>251</v>
      </c>
      <c r="C93" s="20" t="s">
        <v>245</v>
      </c>
      <c r="D93" s="19" t="s">
        <v>252</v>
      </c>
      <c r="E93" s="24" t="s">
        <v>253</v>
      </c>
      <c r="F93" s="18"/>
    </row>
    <row r="94" spans="1:6" ht="22.5" customHeight="1" x14ac:dyDescent="0.25">
      <c r="A94" s="14" t="s">
        <v>34</v>
      </c>
      <c r="B94" s="19" t="s">
        <v>254</v>
      </c>
      <c r="C94" s="20" t="s">
        <v>237</v>
      </c>
      <c r="D94" s="19" t="s">
        <v>255</v>
      </c>
      <c r="E94" s="24" t="s">
        <v>256</v>
      </c>
      <c r="F94" s="18"/>
    </row>
    <row r="95" spans="1:6" ht="22.5" customHeight="1" x14ac:dyDescent="0.25">
      <c r="A95" s="14"/>
      <c r="B95" s="19" t="s">
        <v>257</v>
      </c>
      <c r="C95" s="20" t="s">
        <v>237</v>
      </c>
      <c r="D95" s="19" t="s">
        <v>258</v>
      </c>
      <c r="E95" s="24" t="s">
        <v>259</v>
      </c>
      <c r="F95" s="18"/>
    </row>
    <row r="96" spans="1:6" ht="22.5" customHeight="1" x14ac:dyDescent="0.25">
      <c r="A96" s="14" t="s">
        <v>7</v>
      </c>
      <c r="B96" s="19" t="s">
        <v>260</v>
      </c>
      <c r="C96" s="16" t="s">
        <v>245</v>
      </c>
      <c r="D96" s="19" t="s">
        <v>261</v>
      </c>
      <c r="E96" s="17" t="s">
        <v>262</v>
      </c>
      <c r="F96" s="18"/>
    </row>
    <row r="97" spans="1:6" ht="22.5" customHeight="1" x14ac:dyDescent="0.25">
      <c r="A97" s="14" t="s">
        <v>34</v>
      </c>
      <c r="B97" s="19" t="s">
        <v>263</v>
      </c>
      <c r="C97" s="20" t="s">
        <v>245</v>
      </c>
      <c r="D97" s="19" t="s">
        <v>264</v>
      </c>
      <c r="E97" s="24" t="s">
        <v>265</v>
      </c>
      <c r="F97" s="18"/>
    </row>
    <row r="98" spans="1:6" ht="22.5" customHeight="1" x14ac:dyDescent="0.25">
      <c r="A98" s="14"/>
      <c r="B98" s="19" t="s">
        <v>266</v>
      </c>
      <c r="C98" s="16" t="s">
        <v>245</v>
      </c>
      <c r="D98" s="19" t="s">
        <v>267</v>
      </c>
      <c r="E98" s="24" t="s">
        <v>268</v>
      </c>
      <c r="F98" s="18"/>
    </row>
    <row r="99" spans="1:6" ht="22.5" customHeight="1" x14ac:dyDescent="0.25">
      <c r="A99" s="14" t="s">
        <v>34</v>
      </c>
      <c r="B99" s="19" t="s">
        <v>269</v>
      </c>
      <c r="C99" s="16" t="s">
        <v>237</v>
      </c>
      <c r="D99" s="19" t="s">
        <v>270</v>
      </c>
      <c r="E99" s="24" t="s">
        <v>271</v>
      </c>
      <c r="F99" s="18"/>
    </row>
    <row r="100" spans="1:6" ht="22.5" customHeight="1" x14ac:dyDescent="0.25">
      <c r="A100" s="14" t="s">
        <v>111</v>
      </c>
      <c r="B100" s="19" t="s">
        <v>272</v>
      </c>
      <c r="C100" s="16" t="s">
        <v>273</v>
      </c>
      <c r="D100" s="19" t="s">
        <v>274</v>
      </c>
      <c r="E100" s="24" t="s">
        <v>275</v>
      </c>
      <c r="F100" s="18"/>
    </row>
    <row r="101" spans="1:6" ht="22.5" customHeight="1" x14ac:dyDescent="0.25">
      <c r="A101" s="14" t="s">
        <v>111</v>
      </c>
      <c r="B101" s="25" t="s">
        <v>276</v>
      </c>
      <c r="C101" s="26" t="s">
        <v>273</v>
      </c>
      <c r="D101" s="25" t="s">
        <v>277</v>
      </c>
      <c r="E101" s="28" t="s">
        <v>278</v>
      </c>
      <c r="F101" s="18"/>
    </row>
    <row r="102" spans="1:6" ht="22.5" customHeight="1" x14ac:dyDescent="0.25">
      <c r="A102" s="14" t="s">
        <v>34</v>
      </c>
      <c r="B102" s="19" t="s">
        <v>279</v>
      </c>
      <c r="C102" s="20" t="s">
        <v>245</v>
      </c>
      <c r="D102" s="19" t="s">
        <v>280</v>
      </c>
      <c r="E102" s="24" t="s">
        <v>281</v>
      </c>
      <c r="F102" s="18"/>
    </row>
    <row r="103" spans="1:6" ht="22.5" customHeight="1" x14ac:dyDescent="0.25">
      <c r="A103" s="14" t="s">
        <v>27</v>
      </c>
      <c r="B103" s="15" t="s">
        <v>282</v>
      </c>
      <c r="C103" s="20" t="s">
        <v>245</v>
      </c>
      <c r="D103" s="21" t="s">
        <v>283</v>
      </c>
      <c r="E103" s="24" t="s">
        <v>284</v>
      </c>
      <c r="F103" s="18"/>
    </row>
    <row r="104" spans="1:6" ht="22.5" customHeight="1" x14ac:dyDescent="0.25">
      <c r="A104" s="14" t="s">
        <v>34</v>
      </c>
      <c r="B104" s="53" t="s">
        <v>285</v>
      </c>
      <c r="C104" s="54" t="s">
        <v>245</v>
      </c>
      <c r="D104" s="25" t="s">
        <v>286</v>
      </c>
      <c r="E104" s="28" t="s">
        <v>287</v>
      </c>
      <c r="F104" s="18"/>
    </row>
    <row r="105" spans="1:6" ht="22.5" customHeight="1" x14ac:dyDescent="0.25">
      <c r="A105" s="14" t="s">
        <v>27</v>
      </c>
      <c r="B105" s="19" t="s">
        <v>288</v>
      </c>
      <c r="C105" s="20" t="s">
        <v>245</v>
      </c>
      <c r="D105" s="19" t="s">
        <v>289</v>
      </c>
      <c r="E105" s="17" t="s">
        <v>290</v>
      </c>
      <c r="F105" s="18"/>
    </row>
    <row r="106" spans="1:6" ht="22.5" customHeight="1" x14ac:dyDescent="0.25">
      <c r="A106" s="14"/>
      <c r="B106" s="19" t="s">
        <v>291</v>
      </c>
      <c r="C106" s="20" t="s">
        <v>245</v>
      </c>
      <c r="D106" s="19" t="s">
        <v>292</v>
      </c>
      <c r="E106" s="17" t="s">
        <v>293</v>
      </c>
      <c r="F106" s="18"/>
    </row>
    <row r="107" spans="1:6" ht="22.5" customHeight="1" x14ac:dyDescent="0.25">
      <c r="A107" s="14" t="s">
        <v>34</v>
      </c>
      <c r="B107" s="19" t="s">
        <v>294</v>
      </c>
      <c r="C107" s="16" t="s">
        <v>245</v>
      </c>
      <c r="D107" s="19" t="s">
        <v>295</v>
      </c>
      <c r="E107" s="24" t="s">
        <v>296</v>
      </c>
      <c r="F107" s="18"/>
    </row>
    <row r="108" spans="1:6" ht="22.5" customHeight="1" x14ac:dyDescent="0.25">
      <c r="A108" s="14" t="s">
        <v>34</v>
      </c>
      <c r="B108" s="21" t="s">
        <v>297</v>
      </c>
      <c r="C108" s="16" t="s">
        <v>237</v>
      </c>
      <c r="D108" s="19" t="s">
        <v>298</v>
      </c>
      <c r="E108" s="24" t="s">
        <v>299</v>
      </c>
      <c r="F108" s="55"/>
    </row>
    <row r="109" spans="1:6" ht="22.5" customHeight="1" x14ac:dyDescent="0.25">
      <c r="A109" s="14"/>
      <c r="B109" s="25" t="s">
        <v>300</v>
      </c>
      <c r="C109" s="54" t="s">
        <v>245</v>
      </c>
      <c r="D109" s="25" t="s">
        <v>301</v>
      </c>
      <c r="E109" s="28" t="s">
        <v>302</v>
      </c>
      <c r="F109" s="55"/>
    </row>
    <row r="110" spans="1:6" ht="22.5" customHeight="1" x14ac:dyDescent="0.25">
      <c r="A110" s="29" t="s">
        <v>303</v>
      </c>
      <c r="B110" s="56"/>
      <c r="C110" s="57"/>
      <c r="D110" s="58"/>
      <c r="E110" s="59"/>
      <c r="F110" s="18"/>
    </row>
    <row r="111" spans="1:6" ht="22.5" customHeight="1" x14ac:dyDescent="0.25">
      <c r="A111" s="34"/>
      <c r="B111" s="25" t="s">
        <v>304</v>
      </c>
      <c r="C111" s="26" t="s">
        <v>305</v>
      </c>
      <c r="D111" s="60" t="s">
        <v>306</v>
      </c>
      <c r="E111" s="61" t="s">
        <v>307</v>
      </c>
      <c r="F111" s="18"/>
    </row>
    <row r="112" spans="1:6" ht="22.5" customHeight="1" x14ac:dyDescent="0.25">
      <c r="A112" s="29" t="s">
        <v>308</v>
      </c>
      <c r="B112" s="38"/>
      <c r="C112" s="39"/>
      <c r="D112" s="40"/>
      <c r="E112" s="41"/>
    </row>
    <row r="113" spans="1:6" ht="22.5" customHeight="1" x14ac:dyDescent="0.25">
      <c r="A113" s="14" t="s">
        <v>7</v>
      </c>
      <c r="B113" s="19" t="s">
        <v>309</v>
      </c>
      <c r="C113" s="20" t="s">
        <v>310</v>
      </c>
      <c r="D113" s="21" t="s">
        <v>311</v>
      </c>
      <c r="E113" s="17" t="s">
        <v>312</v>
      </c>
      <c r="F113" s="18"/>
    </row>
    <row r="114" spans="1:6" ht="22.5" customHeight="1" x14ac:dyDescent="0.25">
      <c r="A114" s="14" t="s">
        <v>27</v>
      </c>
      <c r="B114" s="21" t="s">
        <v>313</v>
      </c>
      <c r="C114" s="20" t="s">
        <v>310</v>
      </c>
      <c r="D114" s="19" t="s">
        <v>314</v>
      </c>
      <c r="E114" s="17" t="s">
        <v>315</v>
      </c>
      <c r="F114" s="18"/>
    </row>
    <row r="115" spans="1:6" ht="22.5" customHeight="1" x14ac:dyDescent="0.25">
      <c r="A115" s="14"/>
      <c r="B115" s="19" t="s">
        <v>316</v>
      </c>
      <c r="C115" s="20" t="s">
        <v>310</v>
      </c>
      <c r="D115" s="19" t="s">
        <v>317</v>
      </c>
      <c r="E115" s="17" t="s">
        <v>318</v>
      </c>
      <c r="F115" s="18"/>
    </row>
    <row r="116" spans="1:6" ht="22.5" customHeight="1" x14ac:dyDescent="0.25">
      <c r="A116" s="14"/>
      <c r="B116" s="15" t="s">
        <v>319</v>
      </c>
      <c r="C116" s="20" t="s">
        <v>310</v>
      </c>
      <c r="D116" s="21" t="s">
        <v>320</v>
      </c>
      <c r="E116" s="24" t="s">
        <v>321</v>
      </c>
      <c r="F116" s="18"/>
    </row>
    <row r="117" spans="1:6" ht="22.5" customHeight="1" x14ac:dyDescent="0.25">
      <c r="A117" s="14"/>
      <c r="B117" s="15" t="s">
        <v>322</v>
      </c>
      <c r="C117" s="16" t="s">
        <v>323</v>
      </c>
      <c r="D117" s="21" t="s">
        <v>324</v>
      </c>
      <c r="E117" s="24" t="s">
        <v>325</v>
      </c>
      <c r="F117" s="18"/>
    </row>
    <row r="118" spans="1:6" ht="22.5" customHeight="1" x14ac:dyDescent="0.25">
      <c r="A118" s="14" t="s">
        <v>27</v>
      </c>
      <c r="B118" s="15" t="s">
        <v>326</v>
      </c>
      <c r="C118" s="20" t="s">
        <v>310</v>
      </c>
      <c r="D118" s="19" t="s">
        <v>327</v>
      </c>
      <c r="E118" s="24" t="s">
        <v>328</v>
      </c>
      <c r="F118" s="18"/>
    </row>
    <row r="119" spans="1:6" ht="22.5" customHeight="1" x14ac:dyDescent="0.25">
      <c r="A119" s="14"/>
      <c r="B119" s="19" t="s">
        <v>329</v>
      </c>
      <c r="C119" s="20" t="s">
        <v>310</v>
      </c>
      <c r="D119" s="19" t="s">
        <v>330</v>
      </c>
      <c r="E119" s="24" t="s">
        <v>331</v>
      </c>
      <c r="F119" s="18"/>
    </row>
    <row r="120" spans="1:6" ht="22.5" customHeight="1" x14ac:dyDescent="0.25">
      <c r="A120" s="14" t="s">
        <v>34</v>
      </c>
      <c r="B120" s="19" t="s">
        <v>332</v>
      </c>
      <c r="C120" s="20" t="s">
        <v>333</v>
      </c>
      <c r="D120" s="19" t="s">
        <v>334</v>
      </c>
      <c r="E120" s="24" t="s">
        <v>335</v>
      </c>
      <c r="F120" s="18"/>
    </row>
    <row r="121" spans="1:6" ht="22.5" customHeight="1" x14ac:dyDescent="0.25">
      <c r="A121" s="29" t="s">
        <v>336</v>
      </c>
      <c r="B121" s="38"/>
      <c r="C121" s="39"/>
      <c r="D121" s="40"/>
      <c r="E121" s="41"/>
    </row>
    <row r="122" spans="1:6" ht="22.5" customHeight="1" x14ac:dyDescent="0.25">
      <c r="A122" s="14"/>
      <c r="B122" s="19" t="s">
        <v>337</v>
      </c>
      <c r="C122" s="20" t="s">
        <v>338</v>
      </c>
      <c r="D122" s="19" t="s">
        <v>339</v>
      </c>
      <c r="E122" s="24" t="s">
        <v>340</v>
      </c>
      <c r="F122" s="18"/>
    </row>
    <row r="123" spans="1:6" ht="22.5" customHeight="1" x14ac:dyDescent="0.25">
      <c r="A123" s="29" t="s">
        <v>341</v>
      </c>
      <c r="B123" s="38"/>
      <c r="C123" s="39"/>
      <c r="D123" s="40"/>
      <c r="E123" s="41"/>
    </row>
    <row r="124" spans="1:6" ht="22.5" customHeight="1" x14ac:dyDescent="0.25">
      <c r="A124" s="14" t="s">
        <v>7</v>
      </c>
      <c r="B124" s="19" t="s">
        <v>342</v>
      </c>
      <c r="C124" s="20" t="s">
        <v>338</v>
      </c>
      <c r="D124" s="19" t="s">
        <v>343</v>
      </c>
      <c r="E124" s="17" t="s">
        <v>344</v>
      </c>
      <c r="F124" s="18"/>
    </row>
    <row r="125" spans="1:6" ht="22.5" customHeight="1" x14ac:dyDescent="0.25">
      <c r="A125" s="29" t="s">
        <v>345</v>
      </c>
      <c r="B125" s="38"/>
      <c r="C125" s="39"/>
      <c r="D125" s="40"/>
      <c r="E125" s="41"/>
    </row>
    <row r="126" spans="1:6" ht="22.5" customHeight="1" x14ac:dyDescent="0.25">
      <c r="A126" s="62"/>
      <c r="B126" s="53" t="s">
        <v>346</v>
      </c>
      <c r="C126" s="16" t="s">
        <v>338</v>
      </c>
      <c r="D126" s="53" t="s">
        <v>347</v>
      </c>
      <c r="E126" s="46" t="s">
        <v>348</v>
      </c>
    </row>
    <row r="127" spans="1:6" ht="22.5" customHeight="1" x14ac:dyDescent="0.25">
      <c r="A127" s="14" t="s">
        <v>27</v>
      </c>
      <c r="B127" s="19" t="s">
        <v>349</v>
      </c>
      <c r="C127" s="20" t="s">
        <v>338</v>
      </c>
      <c r="D127" s="19" t="s">
        <v>350</v>
      </c>
      <c r="E127" s="24" t="s">
        <v>351</v>
      </c>
      <c r="F127" s="18"/>
    </row>
    <row r="128" spans="1:6" ht="22.5" customHeight="1" x14ac:dyDescent="0.25">
      <c r="A128" s="14"/>
      <c r="B128" s="15" t="s">
        <v>352</v>
      </c>
      <c r="C128" s="20" t="s">
        <v>338</v>
      </c>
      <c r="D128" s="19" t="s">
        <v>353</v>
      </c>
      <c r="E128" s="17" t="s">
        <v>354</v>
      </c>
      <c r="F128" s="18"/>
    </row>
    <row r="129" spans="1:6" ht="22.5" customHeight="1" x14ac:dyDescent="0.25">
      <c r="A129" s="14"/>
      <c r="B129" s="19" t="s">
        <v>355</v>
      </c>
      <c r="C129" s="20" t="s">
        <v>338</v>
      </c>
      <c r="D129" s="19" t="s">
        <v>356</v>
      </c>
      <c r="E129" s="17" t="s">
        <v>357</v>
      </c>
      <c r="F129" s="18"/>
    </row>
    <row r="130" spans="1:6" ht="22.5" customHeight="1" x14ac:dyDescent="0.25">
      <c r="A130" s="29" t="s">
        <v>358</v>
      </c>
      <c r="B130" s="38"/>
      <c r="C130" s="39"/>
      <c r="D130" s="40"/>
      <c r="E130" s="41"/>
      <c r="F130" s="18"/>
    </row>
    <row r="131" spans="1:6" ht="22.5" customHeight="1" x14ac:dyDescent="0.25">
      <c r="A131" s="14" t="s">
        <v>7</v>
      </c>
      <c r="B131" s="25" t="s">
        <v>359</v>
      </c>
      <c r="C131" s="54" t="s">
        <v>360</v>
      </c>
      <c r="D131" s="25" t="s">
        <v>361</v>
      </c>
      <c r="E131" s="28" t="s">
        <v>362</v>
      </c>
      <c r="F131" s="18"/>
    </row>
    <row r="132" spans="1:6" ht="22.5" customHeight="1" x14ac:dyDescent="0.25">
      <c r="A132" s="14"/>
      <c r="B132" s="25" t="s">
        <v>363</v>
      </c>
      <c r="C132" s="54" t="s">
        <v>360</v>
      </c>
      <c r="D132" s="25" t="s">
        <v>364</v>
      </c>
      <c r="E132" s="28" t="s">
        <v>365</v>
      </c>
      <c r="F132" s="18"/>
    </row>
    <row r="133" spans="1:6" ht="22.5" customHeight="1" x14ac:dyDescent="0.25">
      <c r="A133" s="14" t="s">
        <v>7</v>
      </c>
      <c r="B133" s="63" t="s">
        <v>366</v>
      </c>
      <c r="C133" s="16" t="s">
        <v>360</v>
      </c>
      <c r="D133" s="64" t="s">
        <v>367</v>
      </c>
      <c r="E133" s="65" t="s">
        <v>368</v>
      </c>
      <c r="F133" s="18"/>
    </row>
    <row r="134" spans="1:6" ht="22.5" customHeight="1" x14ac:dyDescent="0.25">
      <c r="A134" s="14" t="s">
        <v>7</v>
      </c>
      <c r="B134" s="19" t="s">
        <v>369</v>
      </c>
      <c r="C134" s="20" t="s">
        <v>360</v>
      </c>
      <c r="D134" s="19" t="s">
        <v>370</v>
      </c>
      <c r="E134" s="17" t="s">
        <v>371</v>
      </c>
      <c r="F134" s="18"/>
    </row>
    <row r="135" spans="1:6" ht="22.5" customHeight="1" x14ac:dyDescent="0.25">
      <c r="A135" s="14" t="s">
        <v>27</v>
      </c>
      <c r="B135" s="53" t="s">
        <v>372</v>
      </c>
      <c r="C135" s="20" t="s">
        <v>360</v>
      </c>
      <c r="D135" s="53" t="s">
        <v>373</v>
      </c>
      <c r="E135" s="28" t="s">
        <v>374</v>
      </c>
      <c r="F135" s="18"/>
    </row>
    <row r="136" spans="1:6" ht="22.5" customHeight="1" x14ac:dyDescent="0.25">
      <c r="A136" s="14" t="s">
        <v>34</v>
      </c>
      <c r="B136" s="25" t="s">
        <v>375</v>
      </c>
      <c r="C136" s="26" t="s">
        <v>360</v>
      </c>
      <c r="D136" s="19" t="s">
        <v>370</v>
      </c>
      <c r="E136" s="66" t="s">
        <v>376</v>
      </c>
      <c r="F136" s="18"/>
    </row>
    <row r="137" spans="1:6" ht="22.5" customHeight="1" x14ac:dyDescent="0.25">
      <c r="A137" s="14" t="s">
        <v>27</v>
      </c>
      <c r="B137" s="25" t="s">
        <v>377</v>
      </c>
      <c r="C137" s="26" t="s">
        <v>360</v>
      </c>
      <c r="D137" s="25" t="s">
        <v>378</v>
      </c>
      <c r="E137" s="66" t="s">
        <v>379</v>
      </c>
      <c r="F137" s="18"/>
    </row>
    <row r="138" spans="1:6" ht="22.5" customHeight="1" x14ac:dyDescent="0.25">
      <c r="A138" s="29" t="s">
        <v>380</v>
      </c>
      <c r="B138" s="38"/>
      <c r="C138" s="39"/>
      <c r="D138" s="40"/>
      <c r="E138" s="41"/>
    </row>
    <row r="139" spans="1:6" ht="22.5" customHeight="1" x14ac:dyDescent="0.25">
      <c r="A139" s="14"/>
      <c r="B139" s="15" t="s">
        <v>381</v>
      </c>
      <c r="C139" s="20" t="s">
        <v>382</v>
      </c>
      <c r="D139" s="19" t="s">
        <v>383</v>
      </c>
      <c r="E139" s="17" t="s">
        <v>384</v>
      </c>
      <c r="F139" s="18"/>
    </row>
    <row r="140" spans="1:6" ht="22.5" customHeight="1" x14ac:dyDescent="0.25">
      <c r="A140" s="14"/>
      <c r="B140" s="25" t="s">
        <v>385</v>
      </c>
      <c r="C140" s="54" t="s">
        <v>386</v>
      </c>
      <c r="D140" s="25" t="s">
        <v>387</v>
      </c>
      <c r="E140" s="28" t="s">
        <v>388</v>
      </c>
      <c r="F140" s="55"/>
    </row>
    <row r="141" spans="1:6" ht="22.5" customHeight="1" x14ac:dyDescent="0.25">
      <c r="A141" s="29" t="s">
        <v>389</v>
      </c>
      <c r="B141" s="38"/>
      <c r="C141" s="39"/>
      <c r="D141" s="40"/>
      <c r="E141" s="41"/>
      <c r="F141" s="18"/>
    </row>
    <row r="142" spans="1:6" ht="22.5" customHeight="1" x14ac:dyDescent="0.25">
      <c r="A142" s="14" t="s">
        <v>7</v>
      </c>
      <c r="B142" s="19" t="s">
        <v>390</v>
      </c>
      <c r="C142" s="20" t="s">
        <v>391</v>
      </c>
      <c r="D142" s="19" t="s">
        <v>392</v>
      </c>
      <c r="E142" s="17" t="s">
        <v>393</v>
      </c>
      <c r="F142" s="18"/>
    </row>
    <row r="143" spans="1:6" ht="22.5" customHeight="1" x14ac:dyDescent="0.25">
      <c r="A143" s="14"/>
      <c r="B143" s="19" t="s">
        <v>394</v>
      </c>
      <c r="C143" s="16" t="s">
        <v>391</v>
      </c>
      <c r="D143" s="19" t="s">
        <v>395</v>
      </c>
      <c r="E143" s="24" t="s">
        <v>396</v>
      </c>
      <c r="F143" s="18"/>
    </row>
    <row r="144" spans="1:6" ht="22.5" customHeight="1" x14ac:dyDescent="0.25">
      <c r="A144" s="14" t="s">
        <v>34</v>
      </c>
      <c r="B144" s="52" t="s">
        <v>397</v>
      </c>
      <c r="C144" s="16" t="s">
        <v>391</v>
      </c>
      <c r="D144" s="52" t="s">
        <v>398</v>
      </c>
      <c r="E144" s="24" t="s">
        <v>399</v>
      </c>
      <c r="F144" s="18"/>
    </row>
    <row r="145" spans="1:6" ht="22.5" customHeight="1" x14ac:dyDescent="0.25">
      <c r="A145" s="14" t="s">
        <v>34</v>
      </c>
      <c r="B145" s="19" t="s">
        <v>400</v>
      </c>
      <c r="C145" s="16" t="s">
        <v>391</v>
      </c>
      <c r="D145" s="19" t="s">
        <v>401</v>
      </c>
      <c r="E145" s="24" t="s">
        <v>402</v>
      </c>
      <c r="F145" s="18"/>
    </row>
    <row r="146" spans="1:6" ht="22.5" customHeight="1" x14ac:dyDescent="0.25">
      <c r="A146" s="14" t="s">
        <v>27</v>
      </c>
      <c r="B146" s="15" t="s">
        <v>403</v>
      </c>
      <c r="C146" s="16" t="s">
        <v>391</v>
      </c>
      <c r="D146" s="21" t="s">
        <v>404</v>
      </c>
      <c r="E146" s="17" t="s">
        <v>405</v>
      </c>
      <c r="F146" s="18"/>
    </row>
    <row r="147" spans="1:6" ht="22.5" customHeight="1" x14ac:dyDescent="0.25">
      <c r="A147" s="79" t="s">
        <v>406</v>
      </c>
      <c r="B147" s="80"/>
      <c r="C147" s="39"/>
      <c r="D147" s="40"/>
      <c r="E147" s="41"/>
    </row>
    <row r="148" spans="1:6" ht="22.5" customHeight="1" x14ac:dyDescent="0.25">
      <c r="A148" s="51"/>
      <c r="B148" s="52" t="s">
        <v>407</v>
      </c>
      <c r="C148" s="16" t="s">
        <v>408</v>
      </c>
      <c r="D148" s="52" t="s">
        <v>409</v>
      </c>
      <c r="E148" s="28" t="s">
        <v>410</v>
      </c>
    </row>
    <row r="149" spans="1:6" ht="22.5" customHeight="1" x14ac:dyDescent="0.25">
      <c r="A149" s="29" t="s">
        <v>411</v>
      </c>
      <c r="B149" s="38"/>
      <c r="C149" s="39"/>
      <c r="D149" s="40"/>
      <c r="E149" s="41"/>
      <c r="F149" s="18"/>
    </row>
    <row r="150" spans="1:6" ht="22.5" customHeight="1" x14ac:dyDescent="0.25">
      <c r="A150" s="14"/>
      <c r="B150" s="15" t="s">
        <v>412</v>
      </c>
      <c r="C150" s="20" t="s">
        <v>413</v>
      </c>
      <c r="D150" s="21" t="s">
        <v>414</v>
      </c>
      <c r="E150" s="24" t="s">
        <v>415</v>
      </c>
      <c r="F150" s="55"/>
    </row>
    <row r="151" spans="1:6" ht="22.5" customHeight="1" x14ac:dyDescent="0.25">
      <c r="A151" s="14"/>
      <c r="B151" s="25" t="s">
        <v>416</v>
      </c>
      <c r="C151" s="26" t="s">
        <v>417</v>
      </c>
      <c r="D151" s="25" t="s">
        <v>418</v>
      </c>
      <c r="E151" s="28" t="s">
        <v>419</v>
      </c>
      <c r="F151" s="18"/>
    </row>
    <row r="152" spans="1:6" ht="22.5" customHeight="1" x14ac:dyDescent="0.25">
      <c r="A152" s="14" t="s">
        <v>7</v>
      </c>
      <c r="B152" s="15" t="s">
        <v>420</v>
      </c>
      <c r="C152" s="16" t="s">
        <v>413</v>
      </c>
      <c r="D152" s="21" t="s">
        <v>421</v>
      </c>
      <c r="E152" s="17" t="s">
        <v>422</v>
      </c>
      <c r="F152" s="18"/>
    </row>
    <row r="153" spans="1:6" ht="22.5" customHeight="1" x14ac:dyDescent="0.25">
      <c r="A153" s="14"/>
      <c r="B153" s="19" t="s">
        <v>423</v>
      </c>
      <c r="C153" s="20" t="s">
        <v>413</v>
      </c>
      <c r="D153" s="19" t="s">
        <v>424</v>
      </c>
      <c r="E153" s="24" t="s">
        <v>425</v>
      </c>
      <c r="F153" s="55"/>
    </row>
    <row r="154" spans="1:6" ht="22.5" customHeight="1" x14ac:dyDescent="0.25">
      <c r="A154" s="14"/>
      <c r="B154" s="25" t="s">
        <v>426</v>
      </c>
      <c r="C154" s="26" t="s">
        <v>413</v>
      </c>
      <c r="D154" s="25" t="s">
        <v>427</v>
      </c>
      <c r="E154" s="28" t="s">
        <v>428</v>
      </c>
      <c r="F154" s="18"/>
    </row>
    <row r="155" spans="1:6" ht="22.5" customHeight="1" x14ac:dyDescent="0.25">
      <c r="A155" s="14"/>
      <c r="B155" s="19" t="s">
        <v>429</v>
      </c>
      <c r="C155" s="16" t="s">
        <v>413</v>
      </c>
      <c r="D155" s="19" t="s">
        <v>430</v>
      </c>
      <c r="E155" s="17" t="s">
        <v>431</v>
      </c>
      <c r="F155" s="18"/>
    </row>
    <row r="156" spans="1:6" ht="22.5" customHeight="1" x14ac:dyDescent="0.25">
      <c r="A156" s="14" t="s">
        <v>7</v>
      </c>
      <c r="B156" s="15" t="s">
        <v>432</v>
      </c>
      <c r="C156" s="20" t="s">
        <v>413</v>
      </c>
      <c r="D156" s="67" t="s">
        <v>433</v>
      </c>
      <c r="E156" s="17" t="s">
        <v>434</v>
      </c>
      <c r="F156" s="18"/>
    </row>
    <row r="157" spans="1:6" ht="22.5" customHeight="1" x14ac:dyDescent="0.25">
      <c r="A157" s="14"/>
      <c r="B157" s="19" t="s">
        <v>435</v>
      </c>
      <c r="C157" s="20" t="s">
        <v>413</v>
      </c>
      <c r="D157" s="21" t="s">
        <v>436</v>
      </c>
      <c r="E157" s="17" t="s">
        <v>437</v>
      </c>
      <c r="F157" s="18"/>
    </row>
    <row r="158" spans="1:6" ht="22.5" customHeight="1" x14ac:dyDescent="0.25">
      <c r="A158" s="14" t="s">
        <v>111</v>
      </c>
      <c r="B158" s="19" t="s">
        <v>438</v>
      </c>
      <c r="C158" s="20" t="s">
        <v>413</v>
      </c>
      <c r="D158" s="15" t="s">
        <v>439</v>
      </c>
      <c r="E158" s="17" t="s">
        <v>440</v>
      </c>
      <c r="F158" s="18"/>
    </row>
    <row r="159" spans="1:6" ht="22.5" customHeight="1" x14ac:dyDescent="0.25">
      <c r="A159" s="29" t="s">
        <v>441</v>
      </c>
      <c r="B159" s="38"/>
      <c r="C159" s="39"/>
      <c r="D159" s="40"/>
      <c r="E159" s="41"/>
      <c r="F159" s="18"/>
    </row>
    <row r="160" spans="1:6" ht="22.5" customHeight="1" x14ac:dyDescent="0.25">
      <c r="A160" s="14" t="s">
        <v>7</v>
      </c>
      <c r="B160" s="25" t="s">
        <v>442</v>
      </c>
      <c r="C160" s="54" t="s">
        <v>443</v>
      </c>
      <c r="D160" s="25" t="s">
        <v>444</v>
      </c>
      <c r="E160" s="28" t="s">
        <v>445</v>
      </c>
      <c r="F160" s="18"/>
    </row>
    <row r="161" spans="1:6" ht="22.5" customHeight="1" x14ac:dyDescent="0.25">
      <c r="A161" s="14" t="s">
        <v>7</v>
      </c>
      <c r="B161" s="19" t="s">
        <v>446</v>
      </c>
      <c r="C161" s="16" t="s">
        <v>443</v>
      </c>
      <c r="D161" s="15" t="s">
        <v>447</v>
      </c>
      <c r="E161" s="24" t="s">
        <v>448</v>
      </c>
      <c r="F161" s="18"/>
    </row>
    <row r="162" spans="1:6" ht="22.5" customHeight="1" x14ac:dyDescent="0.25">
      <c r="A162" s="14" t="s">
        <v>34</v>
      </c>
      <c r="B162" s="19" t="s">
        <v>449</v>
      </c>
      <c r="C162" s="16" t="s">
        <v>443</v>
      </c>
      <c r="D162" s="19" t="s">
        <v>584</v>
      </c>
      <c r="E162" s="24" t="s">
        <v>450</v>
      </c>
      <c r="F162" s="18"/>
    </row>
    <row r="163" spans="1:6" ht="22.5" customHeight="1" x14ac:dyDescent="0.25">
      <c r="A163" s="14"/>
      <c r="B163" s="19" t="s">
        <v>451</v>
      </c>
      <c r="C163" s="16" t="s">
        <v>443</v>
      </c>
      <c r="D163" s="19" t="s">
        <v>452</v>
      </c>
      <c r="E163" s="24" t="s">
        <v>453</v>
      </c>
      <c r="F163" s="18"/>
    </row>
    <row r="164" spans="1:6" ht="22.5" customHeight="1" x14ac:dyDescent="0.25">
      <c r="A164" s="14" t="s">
        <v>7</v>
      </c>
      <c r="B164" s="19" t="s">
        <v>454</v>
      </c>
      <c r="C164" s="20" t="s">
        <v>443</v>
      </c>
      <c r="D164" s="19" t="s">
        <v>455</v>
      </c>
      <c r="E164" s="17" t="s">
        <v>456</v>
      </c>
      <c r="F164" s="18"/>
    </row>
    <row r="165" spans="1:6" ht="22.5" customHeight="1" x14ac:dyDescent="0.25">
      <c r="A165" s="14"/>
      <c r="B165" s="19" t="s">
        <v>457</v>
      </c>
      <c r="C165" s="16" t="s">
        <v>443</v>
      </c>
      <c r="D165" s="19" t="s">
        <v>458</v>
      </c>
      <c r="E165" s="17" t="s">
        <v>459</v>
      </c>
      <c r="F165" s="18"/>
    </row>
    <row r="166" spans="1:6" ht="22.5" customHeight="1" x14ac:dyDescent="0.25">
      <c r="A166" s="14" t="s">
        <v>27</v>
      </c>
      <c r="B166" s="19" t="s">
        <v>460</v>
      </c>
      <c r="C166" s="16" t="s">
        <v>443</v>
      </c>
      <c r="D166" s="19" t="s">
        <v>461</v>
      </c>
      <c r="E166" s="17" t="s">
        <v>462</v>
      </c>
      <c r="F166" s="55"/>
    </row>
    <row r="167" spans="1:6" ht="22.5" customHeight="1" x14ac:dyDescent="0.25">
      <c r="A167" s="14" t="s">
        <v>34</v>
      </c>
      <c r="B167" s="25" t="s">
        <v>463</v>
      </c>
      <c r="C167" s="26" t="s">
        <v>443</v>
      </c>
      <c r="D167" s="68" t="s">
        <v>464</v>
      </c>
      <c r="E167" s="28" t="s">
        <v>465</v>
      </c>
      <c r="F167" s="18"/>
    </row>
    <row r="168" spans="1:6" ht="22.5" customHeight="1" x14ac:dyDescent="0.25">
      <c r="A168" s="14" t="s">
        <v>111</v>
      </c>
      <c r="B168" s="25" t="s">
        <v>466</v>
      </c>
      <c r="C168" s="26" t="s">
        <v>467</v>
      </c>
      <c r="D168" s="68" t="s">
        <v>468</v>
      </c>
      <c r="E168" s="28" t="s">
        <v>469</v>
      </c>
      <c r="F168" s="18"/>
    </row>
    <row r="169" spans="1:6" ht="22.5" customHeight="1" x14ac:dyDescent="0.25">
      <c r="A169" s="14" t="s">
        <v>111</v>
      </c>
      <c r="B169" s="25" t="s">
        <v>470</v>
      </c>
      <c r="C169" s="26" t="s">
        <v>467</v>
      </c>
      <c r="D169" s="68" t="s">
        <v>471</v>
      </c>
      <c r="E169" s="28" t="s">
        <v>472</v>
      </c>
      <c r="F169" s="18"/>
    </row>
    <row r="170" spans="1:6" ht="22.5" customHeight="1" x14ac:dyDescent="0.25">
      <c r="A170" s="14"/>
      <c r="B170" s="19" t="s">
        <v>473</v>
      </c>
      <c r="C170" s="16" t="s">
        <v>443</v>
      </c>
      <c r="D170" s="19" t="s">
        <v>474</v>
      </c>
      <c r="E170" s="24" t="s">
        <v>475</v>
      </c>
      <c r="F170" s="18"/>
    </row>
    <row r="171" spans="1:6" ht="22.5" customHeight="1" x14ac:dyDescent="0.25">
      <c r="A171" s="14"/>
      <c r="B171" s="15" t="s">
        <v>476</v>
      </c>
      <c r="C171" s="16" t="s">
        <v>443</v>
      </c>
      <c r="D171" s="21" t="s">
        <v>477</v>
      </c>
      <c r="E171" s="24" t="s">
        <v>478</v>
      </c>
      <c r="F171" s="18"/>
    </row>
    <row r="172" spans="1:6" ht="22.5" customHeight="1" x14ac:dyDescent="0.25">
      <c r="A172" s="14" t="s">
        <v>27</v>
      </c>
      <c r="B172" s="21" t="s">
        <v>479</v>
      </c>
      <c r="C172" s="16" t="s">
        <v>443</v>
      </c>
      <c r="D172" s="21" t="s">
        <v>480</v>
      </c>
      <c r="E172" s="24" t="s">
        <v>481</v>
      </c>
      <c r="F172" s="18"/>
    </row>
    <row r="173" spans="1:6" ht="22.5" customHeight="1" x14ac:dyDescent="0.25">
      <c r="A173" s="14"/>
      <c r="B173" s="21" t="s">
        <v>482</v>
      </c>
      <c r="C173" s="16" t="s">
        <v>443</v>
      </c>
      <c r="D173" s="21" t="s">
        <v>483</v>
      </c>
      <c r="E173" s="24" t="s">
        <v>484</v>
      </c>
      <c r="F173" s="18"/>
    </row>
    <row r="174" spans="1:6" ht="22.5" customHeight="1" x14ac:dyDescent="0.25">
      <c r="A174" s="14"/>
      <c r="B174" s="19" t="s">
        <v>485</v>
      </c>
      <c r="C174" s="16" t="s">
        <v>443</v>
      </c>
      <c r="D174" s="19" t="s">
        <v>486</v>
      </c>
      <c r="E174" s="24" t="s">
        <v>487</v>
      </c>
      <c r="F174" s="18"/>
    </row>
    <row r="175" spans="1:6" ht="22.5" customHeight="1" x14ac:dyDescent="0.25">
      <c r="A175" s="14" t="s">
        <v>34</v>
      </c>
      <c r="B175" s="15" t="s">
        <v>488</v>
      </c>
      <c r="C175" s="16" t="s">
        <v>443</v>
      </c>
      <c r="D175" s="21" t="s">
        <v>489</v>
      </c>
      <c r="E175" s="24" t="s">
        <v>490</v>
      </c>
      <c r="F175" s="18"/>
    </row>
    <row r="176" spans="1:6" ht="22.5" customHeight="1" x14ac:dyDescent="0.25">
      <c r="A176" s="14"/>
      <c r="B176" s="15" t="s">
        <v>491</v>
      </c>
      <c r="C176" s="20" t="s">
        <v>443</v>
      </c>
      <c r="D176" s="21" t="s">
        <v>492</v>
      </c>
      <c r="E176" s="17" t="s">
        <v>493</v>
      </c>
      <c r="F176" s="18"/>
    </row>
    <row r="177" spans="1:6" ht="22.5" customHeight="1" x14ac:dyDescent="0.25">
      <c r="A177" s="14" t="s">
        <v>34</v>
      </c>
      <c r="B177" s="19" t="s">
        <v>494</v>
      </c>
      <c r="C177" s="16" t="s">
        <v>443</v>
      </c>
      <c r="D177" s="15" t="s">
        <v>495</v>
      </c>
      <c r="E177" s="24" t="s">
        <v>496</v>
      </c>
      <c r="F177" s="18"/>
    </row>
    <row r="178" spans="1:6" ht="22.5" customHeight="1" x14ac:dyDescent="0.25">
      <c r="A178" s="14"/>
      <c r="B178" s="19" t="s">
        <v>497</v>
      </c>
      <c r="C178" s="16" t="s">
        <v>498</v>
      </c>
      <c r="D178" s="15" t="s">
        <v>499</v>
      </c>
      <c r="E178" s="24" t="s">
        <v>500</v>
      </c>
      <c r="F178" s="18"/>
    </row>
    <row r="179" spans="1:6" ht="22.5" customHeight="1" x14ac:dyDescent="0.25">
      <c r="A179" s="14"/>
      <c r="B179" s="19" t="s">
        <v>501</v>
      </c>
      <c r="C179" s="16" t="s">
        <v>498</v>
      </c>
      <c r="D179" s="15" t="s">
        <v>502</v>
      </c>
      <c r="E179" s="24" t="s">
        <v>503</v>
      </c>
      <c r="F179" s="18"/>
    </row>
    <row r="180" spans="1:6" ht="22.5" customHeight="1" x14ac:dyDescent="0.25">
      <c r="A180" s="14" t="s">
        <v>34</v>
      </c>
      <c r="B180" s="19" t="s">
        <v>504</v>
      </c>
      <c r="C180" s="16" t="s">
        <v>443</v>
      </c>
      <c r="D180" s="19" t="s">
        <v>505</v>
      </c>
      <c r="E180" s="24" t="s">
        <v>506</v>
      </c>
      <c r="F180" s="18"/>
    </row>
    <row r="181" spans="1:6" ht="22.5" customHeight="1" x14ac:dyDescent="0.25">
      <c r="A181" s="14"/>
      <c r="B181" s="25" t="s">
        <v>507</v>
      </c>
      <c r="C181" s="54" t="s">
        <v>443</v>
      </c>
      <c r="D181" s="25" t="s">
        <v>508</v>
      </c>
      <c r="E181" s="28" t="s">
        <v>509</v>
      </c>
      <c r="F181" s="18"/>
    </row>
    <row r="182" spans="1:6" ht="22.5" customHeight="1" x14ac:dyDescent="0.25">
      <c r="A182" s="14" t="s">
        <v>34</v>
      </c>
      <c r="B182" s="19" t="s">
        <v>510</v>
      </c>
      <c r="C182" s="16" t="s">
        <v>443</v>
      </c>
      <c r="D182" s="19" t="s">
        <v>511</v>
      </c>
      <c r="E182" s="24" t="s">
        <v>512</v>
      </c>
      <c r="F182" s="18"/>
    </row>
    <row r="183" spans="1:6" ht="22.5" customHeight="1" x14ac:dyDescent="0.25">
      <c r="A183" s="69" t="s">
        <v>34</v>
      </c>
      <c r="B183" s="67" t="s">
        <v>513</v>
      </c>
      <c r="C183" s="16" t="s">
        <v>498</v>
      </c>
      <c r="D183" s="19" t="s">
        <v>514</v>
      </c>
      <c r="E183" s="24" t="s">
        <v>515</v>
      </c>
      <c r="F183" s="18"/>
    </row>
    <row r="184" spans="1:6" ht="22.5" customHeight="1" x14ac:dyDescent="0.25">
      <c r="A184" s="14"/>
      <c r="B184" s="19" t="s">
        <v>516</v>
      </c>
      <c r="C184" s="16" t="s">
        <v>443</v>
      </c>
      <c r="D184" s="49" t="s">
        <v>517</v>
      </c>
      <c r="E184" s="24" t="s">
        <v>518</v>
      </c>
      <c r="F184" s="18"/>
    </row>
    <row r="185" spans="1:6" ht="22.5" customHeight="1" x14ac:dyDescent="0.25">
      <c r="A185" s="14"/>
      <c r="B185" s="21" t="s">
        <v>519</v>
      </c>
      <c r="C185" s="16" t="s">
        <v>443</v>
      </c>
      <c r="D185" s="19" t="s">
        <v>520</v>
      </c>
      <c r="E185" s="24" t="s">
        <v>521</v>
      </c>
      <c r="F185" s="18"/>
    </row>
    <row r="186" spans="1:6" ht="22.5" customHeight="1" x14ac:dyDescent="0.25">
      <c r="A186" s="14"/>
      <c r="B186" s="15" t="s">
        <v>522</v>
      </c>
      <c r="C186" s="20" t="s">
        <v>443</v>
      </c>
      <c r="D186" s="21" t="s">
        <v>523</v>
      </c>
      <c r="E186" s="24" t="s">
        <v>524</v>
      </c>
      <c r="F186" s="18"/>
    </row>
    <row r="187" spans="1:6" ht="22.5" customHeight="1" x14ac:dyDescent="0.25">
      <c r="A187" s="14"/>
      <c r="B187" s="19" t="s">
        <v>525</v>
      </c>
      <c r="C187" s="20" t="s">
        <v>526</v>
      </c>
      <c r="D187" s="48" t="s">
        <v>527</v>
      </c>
      <c r="E187" s="24" t="s">
        <v>528</v>
      </c>
      <c r="F187" s="18"/>
    </row>
    <row r="188" spans="1:6" ht="22.5" customHeight="1" x14ac:dyDescent="0.25">
      <c r="A188" s="29" t="s">
        <v>529</v>
      </c>
      <c r="B188" s="38"/>
      <c r="C188" s="39"/>
      <c r="D188" s="40"/>
      <c r="E188" s="41"/>
    </row>
    <row r="189" spans="1:6" ht="22.5" customHeight="1" x14ac:dyDescent="0.25">
      <c r="A189" s="70"/>
      <c r="B189" s="16" t="s">
        <v>530</v>
      </c>
      <c r="C189" s="20" t="s">
        <v>531</v>
      </c>
      <c r="D189" s="71" t="s">
        <v>532</v>
      </c>
      <c r="E189" s="24" t="s">
        <v>533</v>
      </c>
    </row>
    <row r="190" spans="1:6" ht="22.5" customHeight="1" x14ac:dyDescent="0.25">
      <c r="A190" s="34"/>
      <c r="B190" s="19" t="s">
        <v>534</v>
      </c>
      <c r="C190" s="20" t="s">
        <v>531</v>
      </c>
      <c r="D190" s="48" t="s">
        <v>535</v>
      </c>
      <c r="E190" s="24" t="s">
        <v>536</v>
      </c>
      <c r="F190" s="18"/>
    </row>
    <row r="191" spans="1:6" ht="22.5" customHeight="1" x14ac:dyDescent="0.25">
      <c r="A191" s="34"/>
      <c r="B191" s="19" t="s">
        <v>537</v>
      </c>
      <c r="C191" s="20" t="s">
        <v>531</v>
      </c>
      <c r="D191" s="19" t="s">
        <v>538</v>
      </c>
      <c r="E191" s="24" t="s">
        <v>539</v>
      </c>
      <c r="F191" s="18"/>
    </row>
    <row r="192" spans="1:6" ht="22.5" customHeight="1" x14ac:dyDescent="0.25">
      <c r="A192" s="29" t="s">
        <v>540</v>
      </c>
      <c r="B192" s="38"/>
      <c r="C192" s="39"/>
      <c r="D192" s="40"/>
      <c r="E192" s="41"/>
    </row>
    <row r="193" spans="1:8" ht="22.5" customHeight="1" x14ac:dyDescent="0.25">
      <c r="A193" s="14" t="s">
        <v>34</v>
      </c>
      <c r="B193" s="21" t="s">
        <v>541</v>
      </c>
      <c r="C193" s="20" t="s">
        <v>542</v>
      </c>
      <c r="D193" s="45" t="s">
        <v>543</v>
      </c>
      <c r="E193" s="46" t="s">
        <v>544</v>
      </c>
    </row>
    <row r="194" spans="1:8" ht="22.5" customHeight="1" x14ac:dyDescent="0.25">
      <c r="A194" s="14" t="s">
        <v>111</v>
      </c>
      <c r="B194" s="47" t="s">
        <v>545</v>
      </c>
      <c r="C194" s="20" t="s">
        <v>546</v>
      </c>
      <c r="D194" s="16" t="s">
        <v>547</v>
      </c>
      <c r="E194" s="46" t="s">
        <v>548</v>
      </c>
    </row>
    <row r="195" spans="1:8" ht="22.5" customHeight="1" x14ac:dyDescent="0.25">
      <c r="A195" s="14" t="s">
        <v>34</v>
      </c>
      <c r="B195" s="72" t="s">
        <v>549</v>
      </c>
      <c r="C195" s="20" t="s">
        <v>550</v>
      </c>
      <c r="D195" s="16" t="s">
        <v>551</v>
      </c>
      <c r="E195" s="28" t="s">
        <v>552</v>
      </c>
    </row>
    <row r="196" spans="1:8" ht="22.5" customHeight="1" x14ac:dyDescent="0.25">
      <c r="A196" s="14" t="s">
        <v>34</v>
      </c>
      <c r="B196" s="21" t="s">
        <v>553</v>
      </c>
      <c r="C196" s="20" t="s">
        <v>542</v>
      </c>
      <c r="D196" s="45" t="s">
        <v>554</v>
      </c>
      <c r="E196" s="46" t="s">
        <v>555</v>
      </c>
    </row>
    <row r="197" spans="1:8" ht="22.5" customHeight="1" x14ac:dyDescent="0.25">
      <c r="A197" s="14" t="s">
        <v>34</v>
      </c>
      <c r="B197" s="72" t="s">
        <v>556</v>
      </c>
      <c r="C197" s="20" t="s">
        <v>542</v>
      </c>
      <c r="D197" s="16" t="s">
        <v>557</v>
      </c>
      <c r="E197" s="28" t="s">
        <v>558</v>
      </c>
    </row>
    <row r="198" spans="1:8" ht="22.5" customHeight="1" x14ac:dyDescent="0.25">
      <c r="A198" s="14" t="s">
        <v>34</v>
      </c>
      <c r="B198" s="72" t="s">
        <v>559</v>
      </c>
      <c r="C198" s="20" t="s">
        <v>560</v>
      </c>
      <c r="D198" s="16" t="s">
        <v>561</v>
      </c>
      <c r="E198" s="28" t="s">
        <v>562</v>
      </c>
    </row>
    <row r="199" spans="1:8" ht="22.5" customHeight="1" x14ac:dyDescent="0.25">
      <c r="A199" s="14" t="s">
        <v>34</v>
      </c>
      <c r="B199" s="72" t="s">
        <v>563</v>
      </c>
      <c r="C199" s="20" t="s">
        <v>564</v>
      </c>
      <c r="D199" s="16" t="s">
        <v>565</v>
      </c>
      <c r="E199" s="28" t="s">
        <v>566</v>
      </c>
      <c r="F199" s="73"/>
    </row>
    <row r="200" spans="1:8" ht="22.5" customHeight="1" x14ac:dyDescent="0.25">
      <c r="A200" s="29" t="s">
        <v>567</v>
      </c>
      <c r="B200" s="38"/>
      <c r="C200" s="39"/>
      <c r="D200" s="40"/>
      <c r="E200" s="41"/>
    </row>
    <row r="201" spans="1:8" ht="22.5" customHeight="1" x14ac:dyDescent="0.25">
      <c r="A201" s="14" t="s">
        <v>34</v>
      </c>
      <c r="B201" s="21" t="s">
        <v>568</v>
      </c>
      <c r="C201" s="20" t="s">
        <v>569</v>
      </c>
      <c r="D201" s="45" t="s">
        <v>570</v>
      </c>
      <c r="E201" s="46" t="s">
        <v>571</v>
      </c>
      <c r="H201" s="74"/>
    </row>
    <row r="202" spans="1:8" ht="22.5" customHeight="1" x14ac:dyDescent="0.25">
      <c r="A202" s="29" t="s">
        <v>572</v>
      </c>
      <c r="B202" s="38"/>
      <c r="C202" s="39"/>
      <c r="D202" s="40"/>
      <c r="E202" s="41"/>
    </row>
    <row r="203" spans="1:8" ht="22.5" customHeight="1" x14ac:dyDescent="0.25">
      <c r="A203" s="14" t="s">
        <v>34</v>
      </c>
      <c r="B203" s="21" t="s">
        <v>573</v>
      </c>
      <c r="C203" s="20" t="s">
        <v>572</v>
      </c>
      <c r="D203" s="45" t="s">
        <v>574</v>
      </c>
      <c r="E203" s="46" t="s">
        <v>575</v>
      </c>
    </row>
    <row r="204" spans="1:8" ht="22.5" customHeight="1" x14ac:dyDescent="0.25">
      <c r="A204" s="14" t="s">
        <v>34</v>
      </c>
      <c r="B204" s="15" t="s">
        <v>576</v>
      </c>
      <c r="C204" s="20" t="s">
        <v>572</v>
      </c>
      <c r="D204" s="63" t="s">
        <v>577</v>
      </c>
      <c r="E204" s="37" t="s">
        <v>578</v>
      </c>
    </row>
    <row r="205" spans="1:8" ht="19.5" customHeight="1" x14ac:dyDescent="0.25">
      <c r="B205" s="1"/>
      <c r="E205" s="76">
        <f>COUNTA(E5:E204)</f>
        <v>170</v>
      </c>
    </row>
    <row r="206" spans="1:8" ht="19.5" customHeight="1" x14ac:dyDescent="0.2"/>
    <row r="207" spans="1:8" ht="19.5" customHeight="1" x14ac:dyDescent="0.2"/>
    <row r="208" spans="1:8" ht="19.5" customHeight="1" x14ac:dyDescent="0.2"/>
    <row r="209" spans="5:5" ht="19.5" customHeight="1" x14ac:dyDescent="0.2"/>
    <row r="210" spans="5:5" ht="19.5" customHeight="1" x14ac:dyDescent="0.2"/>
    <row r="211" spans="5:5" ht="19.5" customHeight="1" x14ac:dyDescent="0.2">
      <c r="E211" s="1"/>
    </row>
    <row r="212" spans="5:5" ht="19.5" customHeight="1" x14ac:dyDescent="0.2"/>
    <row r="213" spans="5:5" ht="19.5" customHeight="1" x14ac:dyDescent="0.2"/>
    <row r="214" spans="5:5" ht="19.5" customHeight="1" x14ac:dyDescent="0.2"/>
    <row r="215" spans="5:5" ht="19.5" customHeight="1" x14ac:dyDescent="0.2"/>
    <row r="216" spans="5:5" ht="19.5" customHeight="1" x14ac:dyDescent="0.2"/>
    <row r="217" spans="5:5" ht="19.5" customHeight="1" x14ac:dyDescent="0.2"/>
    <row r="218" spans="5:5" ht="19.5" customHeight="1" x14ac:dyDescent="0.2"/>
    <row r="219" spans="5:5" ht="19.5" customHeight="1" x14ac:dyDescent="0.2"/>
    <row r="220" spans="5:5" ht="19.5" customHeight="1" x14ac:dyDescent="0.2"/>
    <row r="221" spans="5:5" ht="19.5" customHeight="1" x14ac:dyDescent="0.2"/>
    <row r="222" spans="5:5" ht="19.5" customHeight="1" x14ac:dyDescent="0.2"/>
    <row r="223" spans="5:5" ht="19.5" customHeight="1" x14ac:dyDescent="0.2"/>
    <row r="224" spans="5:5" ht="19.5" customHeight="1" x14ac:dyDescent="0.2"/>
    <row r="225" ht="19.5" customHeight="1" x14ac:dyDescent="0.2"/>
    <row r="226" ht="19.5" customHeight="1" x14ac:dyDescent="0.2"/>
    <row r="227" ht="19.5" customHeight="1" x14ac:dyDescent="0.2"/>
    <row r="228" ht="19.5" customHeight="1" x14ac:dyDescent="0.2"/>
    <row r="229" ht="19.5" customHeight="1" x14ac:dyDescent="0.2"/>
    <row r="230" ht="19.5" customHeight="1" x14ac:dyDescent="0.2"/>
    <row r="231" ht="19.5" customHeight="1" x14ac:dyDescent="0.2"/>
    <row r="232" ht="19.5" customHeight="1" x14ac:dyDescent="0.2"/>
    <row r="233" ht="19.5" customHeight="1" x14ac:dyDescent="0.2"/>
    <row r="234" ht="19.5" customHeight="1" x14ac:dyDescent="0.2"/>
    <row r="235" ht="19.5" customHeight="1" x14ac:dyDescent="0.2"/>
    <row r="236" ht="19.5" customHeight="1" x14ac:dyDescent="0.2"/>
    <row r="237" ht="19.5" customHeight="1" x14ac:dyDescent="0.2"/>
    <row r="238" ht="19.5" customHeight="1" x14ac:dyDescent="0.2"/>
    <row r="239" ht="19.5" customHeight="1" x14ac:dyDescent="0.2"/>
    <row r="240" ht="19.5" customHeight="1" x14ac:dyDescent="0.2"/>
    <row r="241" ht="19.5" customHeight="1" x14ac:dyDescent="0.2"/>
    <row r="242" ht="19.5" customHeight="1" x14ac:dyDescent="0.2"/>
    <row r="243" ht="19.5" customHeight="1" x14ac:dyDescent="0.2"/>
    <row r="244" ht="19.5" customHeight="1" x14ac:dyDescent="0.2"/>
    <row r="245" ht="19.5" customHeight="1" x14ac:dyDescent="0.2"/>
    <row r="246" ht="19.5" customHeight="1" x14ac:dyDescent="0.2"/>
    <row r="247" ht="19.5" customHeight="1" x14ac:dyDescent="0.2"/>
    <row r="248" ht="19.5" customHeight="1" x14ac:dyDescent="0.2"/>
    <row r="249" ht="19.5" customHeight="1" x14ac:dyDescent="0.2"/>
    <row r="250" ht="19.5" customHeight="1" x14ac:dyDescent="0.2"/>
    <row r="251" ht="19.5" customHeight="1" x14ac:dyDescent="0.2"/>
    <row r="252" ht="19.5" customHeight="1" x14ac:dyDescent="0.2"/>
    <row r="253" ht="19.5" customHeight="1" x14ac:dyDescent="0.2"/>
    <row r="254" ht="19.5" customHeight="1" x14ac:dyDescent="0.2"/>
    <row r="255" ht="19.5" customHeight="1" x14ac:dyDescent="0.2"/>
    <row r="256" ht="19.5" customHeight="1" x14ac:dyDescent="0.2"/>
    <row r="257" ht="19.5" customHeight="1" x14ac:dyDescent="0.2"/>
    <row r="258" ht="19.5" customHeight="1" x14ac:dyDescent="0.2"/>
    <row r="259" ht="19.5" customHeight="1" x14ac:dyDescent="0.2"/>
    <row r="260" ht="19.5" customHeight="1" x14ac:dyDescent="0.2"/>
    <row r="261" ht="19.5" customHeight="1" x14ac:dyDescent="0.2"/>
    <row r="262" ht="19.5" customHeight="1" x14ac:dyDescent="0.2"/>
    <row r="263" ht="19.5" customHeight="1" x14ac:dyDescent="0.2"/>
    <row r="264" ht="19.5" customHeight="1" x14ac:dyDescent="0.2"/>
    <row r="265" ht="19.5" customHeight="1" x14ac:dyDescent="0.2"/>
    <row r="266" ht="19.5" customHeight="1" x14ac:dyDescent="0.2"/>
    <row r="267" ht="19.5" customHeight="1" x14ac:dyDescent="0.2"/>
    <row r="268" ht="19.5" customHeight="1" x14ac:dyDescent="0.2"/>
    <row r="269" ht="19.5" customHeight="1" x14ac:dyDescent="0.2"/>
    <row r="270" ht="19.5" customHeight="1" x14ac:dyDescent="0.2"/>
    <row r="271" ht="19.5" customHeight="1" x14ac:dyDescent="0.2"/>
    <row r="272" ht="19.5" customHeight="1" x14ac:dyDescent="0.2"/>
    <row r="273" ht="19.5" customHeight="1" x14ac:dyDescent="0.2"/>
    <row r="274" ht="19.5" customHeight="1" x14ac:dyDescent="0.2"/>
    <row r="275" ht="19.5" customHeight="1" x14ac:dyDescent="0.2"/>
    <row r="276" ht="19.5" customHeight="1" x14ac:dyDescent="0.2"/>
    <row r="277" ht="19.5" customHeight="1" x14ac:dyDescent="0.2"/>
    <row r="278" ht="19.5" customHeight="1" x14ac:dyDescent="0.2"/>
    <row r="279" ht="19.5" customHeight="1" x14ac:dyDescent="0.2"/>
    <row r="280" ht="19.5" customHeight="1" x14ac:dyDescent="0.2"/>
    <row r="281" ht="19.5" customHeight="1" x14ac:dyDescent="0.2"/>
    <row r="282" ht="19.5" customHeight="1" x14ac:dyDescent="0.2"/>
    <row r="283" ht="19.5" customHeight="1" x14ac:dyDescent="0.2"/>
    <row r="284" ht="19.5" customHeight="1" x14ac:dyDescent="0.2"/>
    <row r="285" ht="19.5" customHeight="1" x14ac:dyDescent="0.2"/>
    <row r="286" ht="19.5" customHeight="1" x14ac:dyDescent="0.2"/>
    <row r="287" ht="19.5" customHeight="1" x14ac:dyDescent="0.2"/>
    <row r="288" ht="19.5" customHeight="1" x14ac:dyDescent="0.2"/>
    <row r="289" ht="19.5" customHeight="1" x14ac:dyDescent="0.2"/>
    <row r="290" ht="19.5" customHeight="1" x14ac:dyDescent="0.2"/>
    <row r="291" ht="19.5" customHeight="1" x14ac:dyDescent="0.2"/>
    <row r="292" ht="19.5" customHeight="1" x14ac:dyDescent="0.2"/>
    <row r="293" ht="19.5" customHeight="1" x14ac:dyDescent="0.2"/>
    <row r="294" ht="19.5" customHeight="1" x14ac:dyDescent="0.2"/>
    <row r="295" ht="19.5" customHeight="1" x14ac:dyDescent="0.2"/>
    <row r="296" ht="19.5" customHeight="1" x14ac:dyDescent="0.2"/>
    <row r="297" ht="19.5" customHeight="1" x14ac:dyDescent="0.2"/>
    <row r="298" ht="19.5" customHeight="1" x14ac:dyDescent="0.2"/>
    <row r="299" ht="19.5" customHeight="1" x14ac:dyDescent="0.2"/>
    <row r="300" ht="19.5" customHeight="1" x14ac:dyDescent="0.2"/>
    <row r="301" ht="19.5" customHeight="1" x14ac:dyDescent="0.2"/>
    <row r="302" ht="19.5" customHeight="1" x14ac:dyDescent="0.2"/>
    <row r="303" ht="19.5" customHeight="1" x14ac:dyDescent="0.2"/>
    <row r="304" ht="19.5" customHeight="1" x14ac:dyDescent="0.2"/>
    <row r="305" ht="19.5" customHeight="1" x14ac:dyDescent="0.2"/>
    <row r="306" ht="19.5" customHeight="1" x14ac:dyDescent="0.2"/>
    <row r="307" ht="19.5" customHeight="1" x14ac:dyDescent="0.2"/>
    <row r="308" ht="19.5" customHeight="1" x14ac:dyDescent="0.2"/>
    <row r="309" ht="19.5" customHeight="1" x14ac:dyDescent="0.2"/>
    <row r="310" ht="19.5" customHeight="1" x14ac:dyDescent="0.2"/>
    <row r="311" ht="19.5" customHeight="1" x14ac:dyDescent="0.2"/>
    <row r="312" ht="19.5" customHeight="1" x14ac:dyDescent="0.2"/>
    <row r="313" ht="19.5" customHeight="1" x14ac:dyDescent="0.2"/>
    <row r="314" ht="19.5" customHeight="1" x14ac:dyDescent="0.2"/>
    <row r="315" ht="19.5" customHeight="1" x14ac:dyDescent="0.2"/>
    <row r="316" ht="19.5" customHeight="1" x14ac:dyDescent="0.2"/>
    <row r="317" ht="19.5" customHeight="1" x14ac:dyDescent="0.2"/>
    <row r="318" ht="19.5" customHeight="1" x14ac:dyDescent="0.2"/>
    <row r="319" ht="19.5" customHeight="1" x14ac:dyDescent="0.2"/>
    <row r="320" ht="19.5" customHeight="1" x14ac:dyDescent="0.2"/>
    <row r="321" ht="19.5" customHeight="1" x14ac:dyDescent="0.2"/>
    <row r="322" ht="19.5" customHeight="1" x14ac:dyDescent="0.2"/>
    <row r="323" ht="19.5" customHeight="1" x14ac:dyDescent="0.2"/>
    <row r="324" ht="19.5" customHeight="1" x14ac:dyDescent="0.2"/>
    <row r="325" ht="19.5" customHeight="1" x14ac:dyDescent="0.2"/>
    <row r="326" ht="19.5" customHeight="1" x14ac:dyDescent="0.2"/>
    <row r="327" ht="19.5" customHeight="1" x14ac:dyDescent="0.2"/>
    <row r="328" ht="19.5" customHeight="1" x14ac:dyDescent="0.2"/>
    <row r="329" ht="19.5" customHeight="1" x14ac:dyDescent="0.2"/>
    <row r="330" ht="19.5" customHeight="1" x14ac:dyDescent="0.2"/>
    <row r="331" ht="19.5" customHeight="1" x14ac:dyDescent="0.2"/>
    <row r="332" ht="19.5" customHeight="1" x14ac:dyDescent="0.2"/>
    <row r="333" ht="19.5" customHeight="1" x14ac:dyDescent="0.2"/>
    <row r="334" ht="19.5" customHeight="1" x14ac:dyDescent="0.2"/>
    <row r="335" ht="19.5" customHeight="1" x14ac:dyDescent="0.2"/>
    <row r="336" ht="19.5" customHeight="1" x14ac:dyDescent="0.2"/>
    <row r="337" ht="19.5" customHeight="1" x14ac:dyDescent="0.2"/>
    <row r="338" ht="19.5" customHeight="1" x14ac:dyDescent="0.2"/>
    <row r="339" ht="19.5" customHeight="1" x14ac:dyDescent="0.2"/>
    <row r="340" ht="19.5" customHeight="1" x14ac:dyDescent="0.2"/>
    <row r="341" ht="19.5" customHeight="1" x14ac:dyDescent="0.2"/>
    <row r="342" ht="19.5" customHeight="1" x14ac:dyDescent="0.2"/>
    <row r="343" ht="19.5" customHeight="1" x14ac:dyDescent="0.2"/>
    <row r="344" ht="19.5" customHeight="1" x14ac:dyDescent="0.2"/>
    <row r="345" ht="19.5" customHeight="1" x14ac:dyDescent="0.2"/>
    <row r="346" ht="19.5" customHeight="1" x14ac:dyDescent="0.2"/>
    <row r="347" ht="19.5" customHeight="1" x14ac:dyDescent="0.2"/>
    <row r="348" ht="19.5" customHeight="1" x14ac:dyDescent="0.2"/>
    <row r="349" ht="19.5" customHeight="1" x14ac:dyDescent="0.2"/>
    <row r="350" ht="19.5" customHeight="1" x14ac:dyDescent="0.2"/>
    <row r="351" ht="19.5" customHeight="1" x14ac:dyDescent="0.2"/>
    <row r="352" ht="19.5" customHeight="1" x14ac:dyDescent="0.2"/>
    <row r="353" ht="19.5" customHeight="1" x14ac:dyDescent="0.2"/>
    <row r="354" ht="19.5" customHeight="1" x14ac:dyDescent="0.2"/>
    <row r="355" ht="19.5" customHeight="1" x14ac:dyDescent="0.2"/>
    <row r="356" ht="19.5" customHeight="1" x14ac:dyDescent="0.2"/>
    <row r="357" ht="19.5" customHeight="1" x14ac:dyDescent="0.2"/>
    <row r="358" ht="19.5" customHeight="1" x14ac:dyDescent="0.2"/>
    <row r="359" ht="19.5" customHeight="1" x14ac:dyDescent="0.2"/>
    <row r="360" ht="19.5" customHeight="1" x14ac:dyDescent="0.2"/>
    <row r="361" ht="19.5" customHeight="1" x14ac:dyDescent="0.2"/>
    <row r="362" ht="19.5" customHeight="1" x14ac:dyDescent="0.2"/>
    <row r="363" ht="19.5" customHeight="1" x14ac:dyDescent="0.2"/>
    <row r="364" ht="19.5" customHeight="1" x14ac:dyDescent="0.2"/>
    <row r="365" ht="19.5" customHeight="1" x14ac:dyDescent="0.2"/>
    <row r="366" ht="19.5" customHeight="1" x14ac:dyDescent="0.2"/>
    <row r="367" ht="19.5" customHeight="1" x14ac:dyDescent="0.2"/>
    <row r="368" ht="19.5" customHeight="1" x14ac:dyDescent="0.2"/>
    <row r="369" ht="19.5" customHeight="1" x14ac:dyDescent="0.2"/>
    <row r="370" ht="19.5" customHeight="1" x14ac:dyDescent="0.2"/>
    <row r="371" ht="19.5" customHeight="1" x14ac:dyDescent="0.2"/>
    <row r="372" ht="19.5" customHeight="1" x14ac:dyDescent="0.2"/>
    <row r="373" ht="19.5" customHeight="1" x14ac:dyDescent="0.2"/>
    <row r="374" ht="19.5" customHeight="1" x14ac:dyDescent="0.2"/>
    <row r="375" ht="19.5" customHeight="1" x14ac:dyDescent="0.2"/>
    <row r="376" ht="19.5" customHeight="1" x14ac:dyDescent="0.2"/>
    <row r="377" ht="19.5" customHeight="1" x14ac:dyDescent="0.2"/>
    <row r="378" ht="19.5" customHeight="1" x14ac:dyDescent="0.2"/>
    <row r="379" ht="19.5" customHeight="1" x14ac:dyDescent="0.2"/>
    <row r="380" ht="19.5" customHeight="1" x14ac:dyDescent="0.2"/>
    <row r="381" ht="19.5" customHeight="1" x14ac:dyDescent="0.2"/>
    <row r="382" ht="19.5" customHeight="1" x14ac:dyDescent="0.2"/>
    <row r="383" ht="19.5" customHeight="1" x14ac:dyDescent="0.2"/>
    <row r="384" ht="19.5" customHeight="1" x14ac:dyDescent="0.2"/>
    <row r="385" ht="19.5" customHeight="1" x14ac:dyDescent="0.2"/>
    <row r="386" ht="19.5" customHeight="1" x14ac:dyDescent="0.2"/>
    <row r="387" ht="19.5" customHeight="1" x14ac:dyDescent="0.2"/>
    <row r="388" ht="19.5" customHeight="1" x14ac:dyDescent="0.2"/>
    <row r="389" ht="19.5" customHeight="1" x14ac:dyDescent="0.2"/>
    <row r="390" ht="19.5" customHeight="1" x14ac:dyDescent="0.2"/>
    <row r="391" ht="19.5" customHeight="1" x14ac:dyDescent="0.2"/>
    <row r="392" ht="19.5" customHeight="1" x14ac:dyDescent="0.2"/>
    <row r="393" ht="19.5" customHeight="1" x14ac:dyDescent="0.2"/>
    <row r="394" ht="19.5" customHeight="1" x14ac:dyDescent="0.2"/>
    <row r="395" ht="19.5" customHeight="1" x14ac:dyDescent="0.2"/>
    <row r="396" ht="19.5" customHeight="1" x14ac:dyDescent="0.2"/>
    <row r="397" ht="19.5" customHeight="1" x14ac:dyDescent="0.2"/>
    <row r="398" ht="19.5" customHeight="1" x14ac:dyDescent="0.2"/>
    <row r="399" ht="19.5" customHeight="1" x14ac:dyDescent="0.2"/>
    <row r="400" ht="19.5" customHeight="1" x14ac:dyDescent="0.2"/>
    <row r="401" ht="19.5" customHeight="1" x14ac:dyDescent="0.2"/>
    <row r="402" ht="19.5" customHeight="1" x14ac:dyDescent="0.2"/>
    <row r="403" ht="19.5" customHeight="1" x14ac:dyDescent="0.2"/>
    <row r="404" ht="19.5" customHeight="1" x14ac:dyDescent="0.2"/>
    <row r="405" ht="19.5" customHeight="1" x14ac:dyDescent="0.2"/>
    <row r="406" ht="19.5" customHeight="1" x14ac:dyDescent="0.2"/>
    <row r="407" ht="19.5" customHeight="1" x14ac:dyDescent="0.2"/>
    <row r="408" ht="19.5" customHeight="1" x14ac:dyDescent="0.2"/>
    <row r="409" ht="19.5" customHeight="1" x14ac:dyDescent="0.2"/>
    <row r="410" ht="19.5" customHeight="1" x14ac:dyDescent="0.2"/>
    <row r="411" ht="19.5" customHeight="1" x14ac:dyDescent="0.2"/>
    <row r="412" ht="19.5" customHeight="1" x14ac:dyDescent="0.2"/>
    <row r="413" ht="19.5" customHeight="1" x14ac:dyDescent="0.2"/>
    <row r="414" ht="19.5" customHeight="1" x14ac:dyDescent="0.2"/>
    <row r="415" ht="19.5" customHeight="1" x14ac:dyDescent="0.2"/>
    <row r="416" ht="19.5" customHeight="1" x14ac:dyDescent="0.2"/>
    <row r="417" ht="19.5" customHeight="1" x14ac:dyDescent="0.2"/>
    <row r="418" ht="19.5" customHeight="1" x14ac:dyDescent="0.2"/>
    <row r="419" ht="19.5" customHeight="1" x14ac:dyDescent="0.2"/>
    <row r="420" ht="19.5" customHeight="1" x14ac:dyDescent="0.2"/>
    <row r="421" ht="19.5" customHeight="1" x14ac:dyDescent="0.2"/>
    <row r="422" ht="19.5" customHeight="1" x14ac:dyDescent="0.2"/>
    <row r="423" ht="19.5" customHeight="1" x14ac:dyDescent="0.2"/>
    <row r="424" ht="19.5" customHeight="1" x14ac:dyDescent="0.2"/>
    <row r="425" ht="19.5" customHeight="1" x14ac:dyDescent="0.2"/>
    <row r="426" ht="19.5" customHeight="1" x14ac:dyDescent="0.2"/>
    <row r="427" ht="19.5" customHeight="1" x14ac:dyDescent="0.2"/>
    <row r="428" ht="19.5" customHeight="1" x14ac:dyDescent="0.2"/>
    <row r="429" ht="19.5" customHeight="1" x14ac:dyDescent="0.2"/>
    <row r="430" ht="19.5" customHeight="1" x14ac:dyDescent="0.2"/>
    <row r="431" ht="19.5" customHeight="1" x14ac:dyDescent="0.2"/>
    <row r="432" ht="19.5" customHeight="1" x14ac:dyDescent="0.2"/>
    <row r="433" ht="19.5" customHeight="1" x14ac:dyDescent="0.2"/>
    <row r="434" ht="19.5" customHeight="1" x14ac:dyDescent="0.2"/>
    <row r="435" ht="19.5" customHeight="1" x14ac:dyDescent="0.2"/>
    <row r="436" ht="19.5" customHeight="1" x14ac:dyDescent="0.2"/>
    <row r="437" ht="19.5" customHeight="1" x14ac:dyDescent="0.2"/>
    <row r="438" ht="19.5" customHeight="1" x14ac:dyDescent="0.2"/>
    <row r="439" ht="19.5" customHeight="1" x14ac:dyDescent="0.2"/>
    <row r="440" ht="19.5" customHeight="1" x14ac:dyDescent="0.2"/>
    <row r="441" ht="19.5" customHeight="1" x14ac:dyDescent="0.2"/>
    <row r="442" ht="19.5" customHeight="1" x14ac:dyDescent="0.2"/>
    <row r="443" ht="19.5" customHeight="1" x14ac:dyDescent="0.2"/>
    <row r="444" ht="19.5" customHeight="1" x14ac:dyDescent="0.2"/>
    <row r="445" ht="19.5" customHeight="1" x14ac:dyDescent="0.2"/>
    <row r="446" ht="19.5" customHeight="1" x14ac:dyDescent="0.2"/>
    <row r="447" ht="19.5" customHeight="1" x14ac:dyDescent="0.2"/>
    <row r="448" ht="19.5" customHeight="1" x14ac:dyDescent="0.2"/>
    <row r="449" ht="19.5" customHeight="1" x14ac:dyDescent="0.2"/>
    <row r="450" ht="19.5" customHeight="1" x14ac:dyDescent="0.2"/>
    <row r="451" ht="19.5" customHeight="1" x14ac:dyDescent="0.2"/>
    <row r="452" ht="19.5" customHeight="1" x14ac:dyDescent="0.2"/>
    <row r="453" ht="19.5" customHeight="1" x14ac:dyDescent="0.2"/>
    <row r="454" ht="19.5" customHeight="1" x14ac:dyDescent="0.2"/>
    <row r="455" ht="19.5" customHeight="1" x14ac:dyDescent="0.2"/>
    <row r="456" ht="19.5" customHeight="1" x14ac:dyDescent="0.2"/>
    <row r="457" ht="19.5" customHeight="1" x14ac:dyDescent="0.2"/>
    <row r="458" ht="19.5" customHeight="1" x14ac:dyDescent="0.2"/>
    <row r="459" ht="19.5" customHeight="1" x14ac:dyDescent="0.2"/>
    <row r="460" ht="19.5" customHeight="1" x14ac:dyDescent="0.2"/>
    <row r="461" ht="19.5" customHeight="1" x14ac:dyDescent="0.2"/>
    <row r="462" ht="19.5" customHeight="1" x14ac:dyDescent="0.2"/>
    <row r="463" ht="19.5" customHeight="1" x14ac:dyDescent="0.2"/>
    <row r="464" ht="19.5" customHeight="1" x14ac:dyDescent="0.2"/>
    <row r="465" ht="19.5" customHeight="1" x14ac:dyDescent="0.2"/>
    <row r="466" ht="19.5" customHeight="1" x14ac:dyDescent="0.2"/>
    <row r="467" ht="19.5" customHeight="1" x14ac:dyDescent="0.2"/>
    <row r="468" ht="19.5" customHeight="1" x14ac:dyDescent="0.2"/>
    <row r="469" ht="19.5" customHeight="1" x14ac:dyDescent="0.2"/>
    <row r="470" ht="19.5" customHeight="1" x14ac:dyDescent="0.2"/>
    <row r="471" ht="19.5" customHeight="1" x14ac:dyDescent="0.2"/>
    <row r="472" ht="19.5" customHeight="1" x14ac:dyDescent="0.2"/>
    <row r="473" ht="19.5" customHeight="1" x14ac:dyDescent="0.2"/>
    <row r="474" ht="19.5" customHeight="1" x14ac:dyDescent="0.2"/>
    <row r="475" ht="19.5" customHeight="1" x14ac:dyDescent="0.2"/>
    <row r="476" ht="19.5" customHeight="1" x14ac:dyDescent="0.2"/>
    <row r="477" ht="19.5" customHeight="1" x14ac:dyDescent="0.2"/>
    <row r="478" ht="19.5" customHeight="1" x14ac:dyDescent="0.2"/>
    <row r="479" ht="19.5" customHeight="1" x14ac:dyDescent="0.2"/>
    <row r="480" ht="19.5" customHeight="1" x14ac:dyDescent="0.2"/>
    <row r="481" ht="19.5" customHeight="1" x14ac:dyDescent="0.2"/>
    <row r="482" ht="19.5" customHeight="1" x14ac:dyDescent="0.2"/>
    <row r="483" ht="19.5" customHeight="1" x14ac:dyDescent="0.2"/>
    <row r="484" ht="19.5" customHeight="1" x14ac:dyDescent="0.2"/>
    <row r="485" ht="19.5" customHeight="1" x14ac:dyDescent="0.2"/>
    <row r="486" ht="19.5" customHeight="1" x14ac:dyDescent="0.2"/>
    <row r="487" ht="19.5" customHeight="1" x14ac:dyDescent="0.2"/>
    <row r="488" ht="19.5" customHeight="1" x14ac:dyDescent="0.2"/>
    <row r="489" ht="19.5" customHeight="1" x14ac:dyDescent="0.2"/>
    <row r="490" ht="19.5" customHeight="1" x14ac:dyDescent="0.2"/>
    <row r="491" ht="19.5" customHeight="1" x14ac:dyDescent="0.2"/>
    <row r="492" ht="19.5" customHeight="1" x14ac:dyDescent="0.2"/>
    <row r="493" ht="19.5" customHeight="1" x14ac:dyDescent="0.2"/>
  </sheetData>
  <autoFilter ref="A1:E205" xr:uid="{CE357AB1-D9C6-4B40-8ACF-6D4F682F9A6B}">
    <filterColumn colId="0" showButton="0"/>
    <filterColumn colId="1" showButton="0"/>
    <filterColumn colId="2" showButton="0"/>
    <filterColumn colId="3" showButton="0"/>
  </autoFilter>
  <mergeCells count="5">
    <mergeCell ref="A147:B147"/>
    <mergeCell ref="A1:E1"/>
    <mergeCell ref="G1:H2"/>
    <mergeCell ref="A3:B3"/>
    <mergeCell ref="C3:D3"/>
  </mergeCells>
  <phoneticPr fontId="3"/>
  <printOptions horizontalCentered="1"/>
  <pageMargins left="0.59055118110236227" right="0.59055118110236227" top="0.43307086614173229" bottom="0.19685039370078741" header="0.51181102362204722" footer="1.2204724409448819"/>
  <pageSetup paperSize="9" scale="57" orientation="portrait" r:id="rId1"/>
  <headerFooter alignWithMargins="0"/>
  <rowBreaks count="3" manualBreakCount="3">
    <brk id="53" max="4" man="1"/>
    <brk id="109" max="4" man="1"/>
    <brk id="158" max="4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ネット用地区別 (R8.7.1付) </vt:lpstr>
      <vt:lpstr>'ネット用地区別 (R8.7.1付) '!Print_Area</vt:lpstr>
      <vt:lpstr>'ネット用地区別 (R8.7.1付)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林 佐知子</dc:creator>
  <cp:lastModifiedBy>小林 佐知子</cp:lastModifiedBy>
  <cp:lastPrinted>2026-06-17T00:35:38Z</cp:lastPrinted>
  <dcterms:created xsi:type="dcterms:W3CDTF">2026-06-16T07:04:28Z</dcterms:created>
  <dcterms:modified xsi:type="dcterms:W3CDTF">2026-06-17T01:04:48Z</dcterms:modified>
</cp:coreProperties>
</file>